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44" r:id="rId1"/>
  </p:sldMasterIdLst>
  <p:notesMasterIdLst>
    <p:notesMasterId r:id="rId14"/>
  </p:notesMasterIdLst>
  <p:sldIdLst>
    <p:sldId id="256" r:id="rId2"/>
    <p:sldId id="257" r:id="rId3"/>
    <p:sldId id="269" r:id="rId4"/>
    <p:sldId id="258" r:id="rId5"/>
    <p:sldId id="266" r:id="rId6"/>
    <p:sldId id="259" r:id="rId7"/>
    <p:sldId id="261" r:id="rId8"/>
    <p:sldId id="264" r:id="rId9"/>
    <p:sldId id="270" r:id="rId10"/>
    <p:sldId id="271" r:id="rId11"/>
    <p:sldId id="272" r:id="rId12"/>
    <p:sldId id="267" r:id="rId13"/>
  </p:sldIdLst>
  <p:sldSz cx="9144000" cy="6858000" type="screen4x3"/>
  <p:notesSz cx="6858000" cy="9144000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スタイル (中間)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93296810-A885-4BE3-A3E7-6D5BEEA58F35}" styleName="中間スタイル 2 - アクセント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2D5ABB26-0587-4C30-8999-92F81FD0307C}" styleName="スタイルなし、表のグリッド線なし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>
    <p:restoredLeft sz="15620"/>
    <p:restoredTop sz="94660"/>
  </p:normalViewPr>
  <p:slideViewPr>
    <p:cSldViewPr>
      <p:cViewPr varScale="1">
        <p:scale>
          <a:sx n="89" d="100"/>
          <a:sy n="89" d="100"/>
        </p:scale>
        <p:origin x="-306" y="-9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notesMaster" Target="notesMasters/notesMaster1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522065\&#12487;&#12473;&#12463;&#12488;&#12483;&#12503;\&#35469;&#30693;&#35519;&#26619;.xls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1522065\&#12487;&#12473;&#12463;&#12488;&#12483;&#12503;\&#35469;&#30693;&#35519;&#26619;.xls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ja-JP"/>
  <c:style val="10"/>
  <c:chart>
    <c:plotArea>
      <c:layout>
        <c:manualLayout>
          <c:layoutTarget val="inner"/>
          <c:xMode val="edge"/>
          <c:yMode val="edge"/>
          <c:x val="9.6807008838727157E-2"/>
          <c:y val="0.13232647970785297"/>
          <c:w val="0.69817811954467457"/>
          <c:h val="0.8123324315776963"/>
        </c:manualLayout>
      </c:layout>
      <c:pieChart>
        <c:varyColors val="1"/>
        <c:ser>
          <c:idx val="0"/>
          <c:order val="0"/>
          <c:dPt>
            <c:idx val="0"/>
            <c:spPr>
              <a:solidFill>
                <a:srgbClr val="0086EA"/>
              </a:solidFill>
            </c:spPr>
          </c:dPt>
          <c:dPt>
            <c:idx val="1"/>
            <c:spPr>
              <a:solidFill>
                <a:srgbClr val="F248D2"/>
              </a:solidFill>
            </c:spPr>
          </c:dPt>
          <c:dPt>
            <c:idx val="2"/>
            <c:spPr>
              <a:solidFill>
                <a:srgbClr val="5CDE75"/>
              </a:solidFill>
            </c:spPr>
          </c:dPt>
          <c:dPt>
            <c:idx val="3"/>
            <c:spPr>
              <a:solidFill>
                <a:srgbClr val="F2F658"/>
              </a:solidFill>
              <a:ln>
                <a:solidFill>
                  <a:schemeClr val="accent1"/>
                </a:solidFill>
              </a:ln>
            </c:spPr>
          </c:dPt>
          <c:dPt>
            <c:idx val="4"/>
            <c:spPr>
              <a:solidFill>
                <a:srgbClr val="5EDEEC"/>
              </a:solidFill>
            </c:spPr>
          </c:dPt>
          <c:dPt>
            <c:idx val="5"/>
            <c:spPr>
              <a:solidFill>
                <a:srgbClr val="F85662"/>
              </a:solidFill>
            </c:spPr>
          </c:dPt>
          <c:dLbls>
            <c:dLbl>
              <c:idx val="0"/>
              <c:layout>
                <c:manualLayout>
                  <c:x val="-0.25661166204113589"/>
                  <c:y val="8.5240414449312712E-2"/>
                </c:manualLayout>
              </c:layout>
              <c:dLblPos val="bestFit"/>
              <c:showVal val="1"/>
              <c:showCatName val="1"/>
              <c:showPercent val="1"/>
            </c:dLbl>
            <c:dLbl>
              <c:idx val="1"/>
              <c:layout>
                <c:manualLayout>
                  <c:x val="-7.4358045222668798E-2"/>
                  <c:y val="-0.16684437132006824"/>
                </c:manualLayout>
              </c:layout>
              <c:dLblPos val="bestFit"/>
              <c:showVal val="1"/>
              <c:showCatName val="1"/>
              <c:showPercent val="1"/>
            </c:dLbl>
            <c:dLbl>
              <c:idx val="2"/>
              <c:layout>
                <c:manualLayout>
                  <c:x val="0.17883857774915912"/>
                  <c:y val="-5.9517380288368393E-2"/>
                </c:manualLayout>
              </c:layout>
              <c:dLblPos val="bestFit"/>
              <c:showVal val="1"/>
              <c:showCatName val="1"/>
              <c:showPercent val="1"/>
            </c:dLbl>
            <c:dLbl>
              <c:idx val="3"/>
              <c:layout>
                <c:manualLayout>
                  <c:x val="4.6331793799679905E-3"/>
                  <c:y val="1.8103791075928046E-2"/>
                </c:manualLayout>
              </c:layout>
              <c:dLblPos val="bestFit"/>
              <c:showVal val="1"/>
              <c:showCatName val="1"/>
              <c:showPercent val="1"/>
            </c:dLbl>
            <c:dLbl>
              <c:idx val="5"/>
              <c:layout>
                <c:manualLayout>
                  <c:x val="4.8966876806666414E-2"/>
                  <c:y val="0.14193730818837397"/>
                </c:manualLayout>
              </c:layout>
              <c:dLblPos val="bestFit"/>
              <c:showVal val="1"/>
              <c:showCatName val="1"/>
              <c:showPercent val="1"/>
            </c:dLbl>
            <c:txPr>
              <a:bodyPr/>
              <a:lstStyle/>
              <a:p>
                <a:pPr>
                  <a:defRPr sz="1400"/>
                </a:pPr>
                <a:endParaRPr lang="ja-JP"/>
              </a:p>
            </c:txPr>
            <c:showVal val="1"/>
            <c:showCatName val="1"/>
            <c:showPercent val="1"/>
            <c:showLeaderLines val="1"/>
          </c:dLbls>
          <c:cat>
            <c:strRef>
              <c:f>Sheet1!$E$10:$E$15</c:f>
              <c:strCache>
                <c:ptCount val="6"/>
                <c:pt idx="0">
                  <c:v>充実志向</c:v>
                </c:pt>
                <c:pt idx="1">
                  <c:v>訓練志向</c:v>
                </c:pt>
                <c:pt idx="2">
                  <c:v>実用志向</c:v>
                </c:pt>
                <c:pt idx="3">
                  <c:v>関係志向</c:v>
                </c:pt>
                <c:pt idx="4">
                  <c:v>自尊志向</c:v>
                </c:pt>
                <c:pt idx="5">
                  <c:v>報酬志向</c:v>
                </c:pt>
              </c:strCache>
            </c:strRef>
          </c:cat>
          <c:val>
            <c:numRef>
              <c:f>(Sheet1!$D$10,Sheet1!$D$19,Sheet1!$D$28,Sheet1!$D$37,Sheet1!$D$46,Sheet1!$D$55)</c:f>
              <c:numCache>
                <c:formatCode>General</c:formatCode>
                <c:ptCount val="6"/>
                <c:pt idx="0">
                  <c:v>75</c:v>
                </c:pt>
                <c:pt idx="1">
                  <c:v>39</c:v>
                </c:pt>
                <c:pt idx="2">
                  <c:v>56</c:v>
                </c:pt>
                <c:pt idx="3">
                  <c:v>5</c:v>
                </c:pt>
                <c:pt idx="4">
                  <c:v>14</c:v>
                </c:pt>
                <c:pt idx="5">
                  <c:v>13</c:v>
                </c:pt>
              </c:numCache>
            </c:numRef>
          </c:val>
        </c:ser>
        <c:firstSliceAng val="0"/>
      </c:pieChart>
      <c:spPr>
        <a:noFill/>
        <a:ln w="25400">
          <a:noFill/>
        </a:ln>
      </c:spPr>
    </c:plotArea>
    <c:plotVisOnly val="1"/>
    <c:dispBlanksAs val="zero"/>
  </c:chart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ja-JP"/>
  <c:style val="10"/>
  <c:chart>
    <c:plotArea>
      <c:layout>
        <c:manualLayout>
          <c:layoutTarget val="inner"/>
          <c:xMode val="edge"/>
          <c:yMode val="edge"/>
          <c:x val="0.1477017932883497"/>
          <c:y val="0.13558840370057454"/>
          <c:w val="0.71480988602180884"/>
          <c:h val="0.82386707047819474"/>
        </c:manualLayout>
      </c:layout>
      <c:pieChart>
        <c:varyColors val="1"/>
        <c:ser>
          <c:idx val="0"/>
          <c:order val="0"/>
          <c:dPt>
            <c:idx val="0"/>
            <c:spPr>
              <a:solidFill>
                <a:srgbClr val="0086EA"/>
              </a:solidFill>
            </c:spPr>
          </c:dPt>
          <c:dPt>
            <c:idx val="1"/>
            <c:spPr>
              <a:solidFill>
                <a:srgbClr val="F248D2"/>
              </a:solidFill>
            </c:spPr>
          </c:dPt>
          <c:dPt>
            <c:idx val="2"/>
            <c:spPr>
              <a:solidFill>
                <a:srgbClr val="5CDE75"/>
              </a:solidFill>
            </c:spPr>
          </c:dPt>
          <c:dPt>
            <c:idx val="3"/>
            <c:spPr>
              <a:solidFill>
                <a:srgbClr val="F2F658"/>
              </a:solidFill>
            </c:spPr>
          </c:dPt>
          <c:dPt>
            <c:idx val="4"/>
            <c:spPr>
              <a:solidFill>
                <a:srgbClr val="5EDEEC"/>
              </a:solidFill>
            </c:spPr>
          </c:dPt>
          <c:dPt>
            <c:idx val="5"/>
            <c:spPr>
              <a:solidFill>
                <a:srgbClr val="F85662"/>
              </a:solidFill>
            </c:spPr>
          </c:dPt>
          <c:dLbls>
            <c:dLbl>
              <c:idx val="0"/>
              <c:layout>
                <c:manualLayout>
                  <c:x val="-0.21970511316762251"/>
                  <c:y val="0.17043536554544664"/>
                </c:manualLayout>
              </c:layout>
              <c:dLblPos val="bestFit"/>
              <c:showVal val="1"/>
              <c:showCatName val="1"/>
              <c:showPercent val="1"/>
            </c:dLbl>
            <c:dLbl>
              <c:idx val="1"/>
              <c:layout>
                <c:manualLayout>
                  <c:x val="-0.16838153245961895"/>
                  <c:y val="-0.13261658201482199"/>
                </c:manualLayout>
              </c:layout>
              <c:dLblPos val="bestFit"/>
              <c:showVal val="1"/>
              <c:showCatName val="1"/>
              <c:showPercent val="1"/>
            </c:dLbl>
            <c:dLbl>
              <c:idx val="2"/>
              <c:layout>
                <c:manualLayout>
                  <c:x val="0.12436570926587193"/>
                  <c:y val="-0.20549484916288946"/>
                </c:manualLayout>
              </c:layout>
              <c:dLblPos val="bestFit"/>
              <c:showVal val="1"/>
              <c:showCatName val="1"/>
              <c:showPercent val="1"/>
            </c:dLbl>
            <c:dLbl>
              <c:idx val="3"/>
              <c:layout>
                <c:manualLayout>
                  <c:x val="0.14350046737625691"/>
                  <c:y val="-5.4303228568774683E-4"/>
                </c:manualLayout>
              </c:layout>
              <c:dLblPos val="bestFit"/>
              <c:showVal val="1"/>
              <c:showCatName val="1"/>
              <c:showPercent val="1"/>
            </c:dLbl>
            <c:dLbl>
              <c:idx val="4"/>
              <c:layout>
                <c:manualLayout>
                  <c:x val="0.16470603201366185"/>
                  <c:y val="5.3053955781946383E-2"/>
                </c:manualLayout>
              </c:layout>
              <c:dLblPos val="bestFit"/>
              <c:showVal val="1"/>
              <c:showCatName val="1"/>
              <c:showPercent val="1"/>
            </c:dLbl>
            <c:dLbl>
              <c:idx val="5"/>
              <c:layout>
                <c:manualLayout>
                  <c:x val="0.14779161500127472"/>
                  <c:y val="0.212611990011839"/>
                </c:manualLayout>
              </c:layout>
              <c:showVal val="1"/>
              <c:showCatName val="1"/>
              <c:showPercent val="1"/>
            </c:dLbl>
            <c:txPr>
              <a:bodyPr/>
              <a:lstStyle/>
              <a:p>
                <a:pPr>
                  <a:defRPr sz="1400"/>
                </a:pPr>
                <a:endParaRPr lang="ja-JP"/>
              </a:p>
            </c:txPr>
            <c:showVal val="1"/>
            <c:showCatName val="1"/>
            <c:showPercent val="1"/>
            <c:showLeaderLines val="1"/>
          </c:dLbls>
          <c:cat>
            <c:strRef>
              <c:f>Sheet1!$E$10:$E$15</c:f>
              <c:strCache>
                <c:ptCount val="6"/>
                <c:pt idx="0">
                  <c:v>充実志向</c:v>
                </c:pt>
                <c:pt idx="1">
                  <c:v>訓練志向</c:v>
                </c:pt>
                <c:pt idx="2">
                  <c:v>実用志向</c:v>
                </c:pt>
                <c:pt idx="3">
                  <c:v>関係志向</c:v>
                </c:pt>
                <c:pt idx="4">
                  <c:v>自尊志向</c:v>
                </c:pt>
                <c:pt idx="5">
                  <c:v>報酬志向</c:v>
                </c:pt>
              </c:strCache>
            </c:strRef>
          </c:cat>
          <c:val>
            <c:numRef>
              <c:f>(Sheet1!$I$10,Sheet1!$I$19,Sheet1!$I$28,Sheet1!$I$37,Sheet1!$I$46,Sheet1!$I$55)</c:f>
              <c:numCache>
                <c:formatCode>General</c:formatCode>
                <c:ptCount val="6"/>
                <c:pt idx="0">
                  <c:v>41</c:v>
                </c:pt>
                <c:pt idx="1">
                  <c:v>22</c:v>
                </c:pt>
                <c:pt idx="2">
                  <c:v>43</c:v>
                </c:pt>
                <c:pt idx="3">
                  <c:v>10</c:v>
                </c:pt>
                <c:pt idx="4">
                  <c:v>10</c:v>
                </c:pt>
                <c:pt idx="5">
                  <c:v>27</c:v>
                </c:pt>
              </c:numCache>
            </c:numRef>
          </c:val>
        </c:ser>
        <c:firstSliceAng val="0"/>
      </c:pieChart>
      <c:spPr>
        <a:noFill/>
        <a:ln w="25400">
          <a:noFill/>
        </a:ln>
      </c:spPr>
    </c:plotArea>
    <c:plotVisOnly val="1"/>
    <c:dispBlanksAs val="zero"/>
  </c:chart>
  <c:externalData r:id="rId1"/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9B4792A-F14E-4552-9482-D5E83AC27313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4" name="スライド イメージ プレースホルダ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ja-JP" altLang="en-US"/>
          </a:p>
        </p:txBody>
      </p:sp>
      <p:sp>
        <p:nvSpPr>
          <p:cNvPr id="5" name="ノート プレースホルダ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F92FE9DB-9391-4C96-A5DE-47D99E3BC7AB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kumimoji="1" lang="ja-JP" altLang="en-US" dirty="0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92FE9DB-9391-4C96-A5DE-47D99E3BC7AB}" type="slidenum">
              <a:rPr kumimoji="1" lang="ja-JP" altLang="en-US" smtClean="0"/>
              <a:pPr/>
              <a:t>4</a:t>
            </a:fld>
            <a:endParaRPr kumimoji="1" lang="ja-JP" alt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kumimoji="1" lang="ja-JP" altLang="en-US" dirty="0" smtClean="0"/>
              <a:t>質問内容は比較のため学生教職者共に同じアンケート</a:t>
            </a:r>
            <a:endParaRPr kumimoji="1" lang="ja-JP" altLang="en-US" dirty="0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92FE9DB-9391-4C96-A5DE-47D99E3BC7AB}" type="slidenum">
              <a:rPr kumimoji="1" lang="ja-JP" altLang="en-US" smtClean="0"/>
              <a:pPr/>
              <a:t>6</a:t>
            </a:fld>
            <a:endParaRPr kumimoji="1" lang="ja-JP" alt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kumimoji="1" lang="ja-JP" altLang="en-US" dirty="0" smtClean="0"/>
              <a:t>プラスマイナスは方向性　関係性の強いのは数値のでかいもの赤字は数値のでかいもの　青字は数値の低いもの</a:t>
            </a:r>
            <a:endParaRPr kumimoji="1" lang="ja-JP" altLang="en-US" dirty="0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92FE9DB-9391-4C96-A5DE-47D99E3BC7AB}" type="slidenum">
              <a:rPr kumimoji="1" lang="ja-JP" altLang="en-US" smtClean="0"/>
              <a:pPr/>
              <a:t>9</a:t>
            </a:fld>
            <a:endParaRPr kumimoji="1" lang="ja-JP" alt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kumimoji="1" lang="ja-JP" altLang="en-US" dirty="0" smtClean="0"/>
              <a:t>青字の関係</a:t>
            </a:r>
            <a:r>
              <a:rPr kumimoji="1" lang="ja-JP" altLang="en-US" dirty="0" err="1" smtClean="0"/>
              <a:t>ー</a:t>
            </a:r>
            <a:r>
              <a:rPr kumimoji="1" lang="ja-JP" altLang="en-US" dirty="0" smtClean="0"/>
              <a:t>充実から実用にかけての相関は弱い</a:t>
            </a:r>
            <a:endParaRPr kumimoji="1" lang="ja-JP" altLang="en-US" dirty="0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92FE9DB-9391-4C96-A5DE-47D99E3BC7AB}" type="slidenum">
              <a:rPr kumimoji="1" lang="ja-JP" altLang="en-US" smtClean="0"/>
              <a:pPr/>
              <a:t>10</a:t>
            </a:fld>
            <a:endParaRPr kumimoji="1" lang="ja-JP" altLang="en-US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kumimoji="1" lang="ja-JP" altLang="en-US" dirty="0" smtClean="0"/>
              <a:t>教職者の訓練</a:t>
            </a:r>
            <a:r>
              <a:rPr kumimoji="1" lang="ja-JP" altLang="en-US" dirty="0" err="1" smtClean="0"/>
              <a:t>ー</a:t>
            </a:r>
            <a:r>
              <a:rPr kumimoji="1" lang="ja-JP" altLang="en-US" dirty="0" smtClean="0"/>
              <a:t>充実・実用</a:t>
            </a:r>
            <a:r>
              <a:rPr kumimoji="1" lang="ja-JP" altLang="en-US" dirty="0" err="1" smtClean="0"/>
              <a:t>ー</a:t>
            </a:r>
            <a:r>
              <a:rPr kumimoji="1" lang="ja-JP" altLang="en-US" dirty="0" smtClean="0"/>
              <a:t>充実・実用</a:t>
            </a:r>
            <a:r>
              <a:rPr kumimoji="1" lang="ja-JP" altLang="en-US" dirty="0" err="1" smtClean="0"/>
              <a:t>ー</a:t>
            </a:r>
            <a:r>
              <a:rPr kumimoji="1" lang="ja-JP" altLang="en-US" dirty="0" smtClean="0"/>
              <a:t>訓練が高いので内容の重要性を重視していることがよくわかる</a:t>
            </a:r>
            <a:endParaRPr kumimoji="1" lang="ja-JP" altLang="en-US" dirty="0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92FE9DB-9391-4C96-A5DE-47D99E3BC7AB}" type="slidenum">
              <a:rPr kumimoji="1" lang="ja-JP" altLang="en-US" smtClean="0"/>
              <a:pPr/>
              <a:t>11</a:t>
            </a:fld>
            <a:endParaRPr kumimoji="1" lang="ja-JP" alt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タイトル スライド"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フリーフォーム 20"/>
          <p:cNvSpPr>
            <a:spLocks/>
          </p:cNvSpPr>
          <p:nvPr/>
        </p:nvSpPr>
        <p:spPr bwMode="auto">
          <a:xfrm>
            <a:off x="0" y="4039613"/>
            <a:ext cx="9134856" cy="491331"/>
          </a:xfrm>
          <a:custGeom>
            <a:avLst/>
            <a:gdLst/>
            <a:ahLst/>
            <a:cxnLst>
              <a:cxn ang="0">
                <a:pos x="0" y="340"/>
              </a:cxn>
              <a:cxn ang="0">
                <a:pos x="332" y="365"/>
              </a:cxn>
              <a:cxn ang="0">
                <a:pos x="713" y="382"/>
              </a:cxn>
              <a:cxn ang="0">
                <a:pos x="1186" y="390"/>
              </a:cxn>
              <a:cxn ang="0">
                <a:pos x="1742" y="398"/>
              </a:cxn>
              <a:cxn ang="0">
                <a:pos x="2365" y="390"/>
              </a:cxn>
              <a:cxn ang="0">
                <a:pos x="2689" y="382"/>
              </a:cxn>
              <a:cxn ang="0">
                <a:pos x="3020" y="373"/>
              </a:cxn>
              <a:cxn ang="0">
                <a:pos x="3344" y="348"/>
              </a:cxn>
              <a:cxn ang="0">
                <a:pos x="3676" y="324"/>
              </a:cxn>
              <a:cxn ang="0">
                <a:pos x="4058" y="257"/>
              </a:cxn>
              <a:cxn ang="0">
                <a:pos x="4481" y="199"/>
              </a:cxn>
              <a:cxn ang="0">
                <a:pos x="4996" y="133"/>
              </a:cxn>
              <a:cxn ang="0">
                <a:pos x="5535" y="66"/>
              </a:cxn>
              <a:cxn ang="0">
                <a:pos x="6075" y="25"/>
              </a:cxn>
              <a:cxn ang="0">
                <a:pos x="6332" y="8"/>
              </a:cxn>
              <a:cxn ang="0">
                <a:pos x="6564" y="0"/>
              </a:cxn>
              <a:cxn ang="0">
                <a:pos x="6763" y="0"/>
              </a:cxn>
              <a:cxn ang="0">
                <a:pos x="6946" y="17"/>
              </a:cxn>
              <a:cxn ang="0">
                <a:pos x="7137" y="41"/>
              </a:cxn>
              <a:cxn ang="0">
                <a:pos x="7295" y="58"/>
              </a:cxn>
              <a:cxn ang="0">
                <a:pos x="7411" y="66"/>
              </a:cxn>
            </a:cxnLst>
            <a:rect l="0" t="0" r="0" b="0"/>
            <a:pathLst>
              <a:path w="7411" h="398">
                <a:moveTo>
                  <a:pt x="0" y="340"/>
                </a:moveTo>
                <a:lnTo>
                  <a:pt x="332" y="365"/>
                </a:lnTo>
                <a:lnTo>
                  <a:pt x="713" y="382"/>
                </a:lnTo>
                <a:lnTo>
                  <a:pt x="1186" y="390"/>
                </a:lnTo>
                <a:lnTo>
                  <a:pt x="1742" y="398"/>
                </a:lnTo>
                <a:lnTo>
                  <a:pt x="2365" y="390"/>
                </a:lnTo>
                <a:lnTo>
                  <a:pt x="2689" y="382"/>
                </a:lnTo>
                <a:lnTo>
                  <a:pt x="3020" y="373"/>
                </a:lnTo>
                <a:lnTo>
                  <a:pt x="3344" y="348"/>
                </a:lnTo>
                <a:lnTo>
                  <a:pt x="3676" y="324"/>
                </a:lnTo>
                <a:lnTo>
                  <a:pt x="4058" y="257"/>
                </a:lnTo>
                <a:lnTo>
                  <a:pt x="4481" y="199"/>
                </a:lnTo>
                <a:lnTo>
                  <a:pt x="4996" y="133"/>
                </a:lnTo>
                <a:lnTo>
                  <a:pt x="5535" y="66"/>
                </a:lnTo>
                <a:lnTo>
                  <a:pt x="6075" y="25"/>
                </a:lnTo>
                <a:lnTo>
                  <a:pt x="6332" y="8"/>
                </a:lnTo>
                <a:lnTo>
                  <a:pt x="6564" y="0"/>
                </a:lnTo>
                <a:lnTo>
                  <a:pt x="6763" y="0"/>
                </a:lnTo>
                <a:lnTo>
                  <a:pt x="6946" y="17"/>
                </a:lnTo>
                <a:lnTo>
                  <a:pt x="7137" y="41"/>
                </a:lnTo>
                <a:lnTo>
                  <a:pt x="7295" y="58"/>
                </a:lnTo>
                <a:lnTo>
                  <a:pt x="7411" y="66"/>
                </a:lnTo>
              </a:path>
            </a:pathLst>
          </a:custGeom>
          <a:noFill/>
          <a:ln w="9525" cap="flat" cmpd="sng" algn="ctr">
            <a:solidFill>
              <a:schemeClr val="accent1">
                <a:lumMod val="20000"/>
                <a:lumOff val="8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sp>
        <p:nvSpPr>
          <p:cNvPr id="29" name="タイトル 28"/>
          <p:cNvSpPr>
            <a:spLocks noGrp="1"/>
          </p:cNvSpPr>
          <p:nvPr>
            <p:ph type="ctrTitle"/>
          </p:nvPr>
        </p:nvSpPr>
        <p:spPr>
          <a:xfrm>
            <a:off x="857224" y="1214425"/>
            <a:ext cx="7358114" cy="1470025"/>
          </a:xfrm>
        </p:spPr>
        <p:txBody>
          <a:bodyPr>
            <a:normAutofit/>
          </a:bodyPr>
          <a:lstStyle>
            <a:lvl1pPr>
              <a:defRPr sz="4300">
                <a:solidFill>
                  <a:schemeClr val="tx2"/>
                </a:solidFill>
                <a:effectLst>
                  <a:glow rad="101600">
                    <a:schemeClr val="bg2">
                      <a:tint val="20000"/>
                      <a:alpha val="60000"/>
                    </a:schemeClr>
                  </a:glow>
                  <a:outerShdw blurRad="50800" dist="50800" dir="2700000" algn="tl" rotWithShape="0">
                    <a:srgbClr val="000000">
                      <a:alpha val="43137"/>
                    </a:srgbClr>
                  </a:outerShdw>
                </a:effectLst>
              </a:defRPr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13" name="サブタイトル 12"/>
          <p:cNvSpPr>
            <a:spLocks noGrp="1"/>
          </p:cNvSpPr>
          <p:nvPr>
            <p:ph type="subTitle" idx="1"/>
          </p:nvPr>
        </p:nvSpPr>
        <p:spPr>
          <a:xfrm>
            <a:off x="857224" y="2708272"/>
            <a:ext cx="7358114" cy="928694"/>
          </a:xfrm>
        </p:spPr>
        <p:txBody>
          <a:bodyPr/>
          <a:lstStyle>
            <a:lvl1pPr marL="0" indent="0" algn="ctr">
              <a:buNone/>
              <a:defRPr baseline="0"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kumimoji="0" lang="ja-JP" altLang="en-US" smtClean="0"/>
              <a:t>マスタ サブタイトルの書式設定</a:t>
            </a:r>
            <a:endParaRPr kumimoji="0" lang="en-US"/>
          </a:p>
        </p:txBody>
      </p:sp>
      <p:sp>
        <p:nvSpPr>
          <p:cNvPr id="25" name="日付プレースホルダ 24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48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4" name="フッター プレースホルダ 3"/>
          <p:cNvSpPr>
            <a:spLocks noGrp="1"/>
          </p:cNvSpPr>
          <p:nvPr>
            <p:ph type="ftr" sz="quarter" idx="11"/>
          </p:nvPr>
        </p:nvSpPr>
        <p:spPr>
          <a:xfrm>
            <a:off x="2199600" y="0"/>
            <a:ext cx="4500000" cy="360000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28" name="スライド番号プレースホルダ 27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sp>
        <p:nvSpPr>
          <p:cNvPr id="36" name="フリーフォーム 35"/>
          <p:cNvSpPr>
            <a:spLocks/>
          </p:cNvSpPr>
          <p:nvPr/>
        </p:nvSpPr>
        <p:spPr bwMode="auto">
          <a:xfrm>
            <a:off x="0" y="3071810"/>
            <a:ext cx="9144000" cy="1115989"/>
          </a:xfrm>
          <a:custGeom>
            <a:avLst/>
            <a:gdLst/>
            <a:ahLst/>
            <a:cxnLst>
              <a:cxn ang="0">
                <a:pos x="0" y="887"/>
              </a:cxn>
              <a:cxn ang="0">
                <a:pos x="240" y="896"/>
              </a:cxn>
              <a:cxn ang="0">
                <a:pos x="888" y="904"/>
              </a:cxn>
              <a:cxn ang="0">
                <a:pos x="1327" y="896"/>
              </a:cxn>
              <a:cxn ang="0">
                <a:pos x="1817" y="887"/>
              </a:cxn>
              <a:cxn ang="0">
                <a:pos x="2381" y="879"/>
              </a:cxn>
              <a:cxn ang="0">
                <a:pos x="2971" y="846"/>
              </a:cxn>
              <a:cxn ang="0">
                <a:pos x="3585" y="804"/>
              </a:cxn>
              <a:cxn ang="0">
                <a:pos x="4199" y="755"/>
              </a:cxn>
              <a:cxn ang="0">
                <a:pos x="4821" y="680"/>
              </a:cxn>
              <a:cxn ang="0">
                <a:pos x="5128" y="638"/>
              </a:cxn>
              <a:cxn ang="0">
                <a:pos x="5427" y="589"/>
              </a:cxn>
              <a:cxn ang="0">
                <a:pos x="5718" y="539"/>
              </a:cxn>
              <a:cxn ang="0">
                <a:pos x="6000" y="481"/>
              </a:cxn>
              <a:cxn ang="0">
                <a:pos x="6274" y="414"/>
              </a:cxn>
              <a:cxn ang="0">
                <a:pos x="6531" y="340"/>
              </a:cxn>
              <a:cxn ang="0">
                <a:pos x="6780" y="257"/>
              </a:cxn>
              <a:cxn ang="0">
                <a:pos x="7004" y="190"/>
              </a:cxn>
              <a:cxn ang="0">
                <a:pos x="7220" y="91"/>
              </a:cxn>
              <a:cxn ang="0">
                <a:pos x="7411" y="0"/>
              </a:cxn>
            </a:cxnLst>
            <a:rect l="0" t="0" r="0" b="0"/>
            <a:pathLst>
              <a:path w="7411" h="904">
                <a:moveTo>
                  <a:pt x="0" y="887"/>
                </a:moveTo>
                <a:lnTo>
                  <a:pt x="240" y="896"/>
                </a:lnTo>
                <a:lnTo>
                  <a:pt x="888" y="904"/>
                </a:lnTo>
                <a:lnTo>
                  <a:pt x="1327" y="896"/>
                </a:lnTo>
                <a:lnTo>
                  <a:pt x="1817" y="887"/>
                </a:lnTo>
                <a:lnTo>
                  <a:pt x="2381" y="879"/>
                </a:lnTo>
                <a:lnTo>
                  <a:pt x="2971" y="846"/>
                </a:lnTo>
                <a:lnTo>
                  <a:pt x="3585" y="804"/>
                </a:lnTo>
                <a:lnTo>
                  <a:pt x="4199" y="755"/>
                </a:lnTo>
                <a:lnTo>
                  <a:pt x="4821" y="680"/>
                </a:lnTo>
                <a:lnTo>
                  <a:pt x="5128" y="638"/>
                </a:lnTo>
                <a:lnTo>
                  <a:pt x="5427" y="589"/>
                </a:lnTo>
                <a:lnTo>
                  <a:pt x="5718" y="539"/>
                </a:lnTo>
                <a:lnTo>
                  <a:pt x="6000" y="481"/>
                </a:lnTo>
                <a:lnTo>
                  <a:pt x="6274" y="414"/>
                </a:lnTo>
                <a:lnTo>
                  <a:pt x="6531" y="340"/>
                </a:lnTo>
                <a:lnTo>
                  <a:pt x="6780" y="257"/>
                </a:lnTo>
                <a:lnTo>
                  <a:pt x="7004" y="190"/>
                </a:lnTo>
                <a:lnTo>
                  <a:pt x="7220" y="91"/>
                </a:lnTo>
                <a:lnTo>
                  <a:pt x="7411" y="0"/>
                </a:lnTo>
              </a:path>
            </a:pathLst>
          </a:custGeom>
          <a:noFill/>
          <a:ln w="12700" cap="flat" cmpd="sng" algn="ctr">
            <a:solidFill>
              <a:schemeClr val="tx2">
                <a:lumMod val="60000"/>
                <a:lumOff val="4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sp>
        <p:nvSpPr>
          <p:cNvPr id="38" name="フリーフォーム 37"/>
          <p:cNvSpPr>
            <a:spLocks/>
          </p:cNvSpPr>
          <p:nvPr/>
        </p:nvSpPr>
        <p:spPr bwMode="auto">
          <a:xfrm>
            <a:off x="0" y="3952661"/>
            <a:ext cx="9144000" cy="369116"/>
          </a:xfrm>
          <a:custGeom>
            <a:avLst/>
            <a:gdLst/>
            <a:ahLst/>
            <a:cxnLst>
              <a:cxn ang="0">
                <a:pos x="0" y="17"/>
              </a:cxn>
              <a:cxn ang="0">
                <a:pos x="581" y="33"/>
              </a:cxn>
              <a:cxn ang="0">
                <a:pos x="1933" y="75"/>
              </a:cxn>
              <a:cxn ang="0">
                <a:pos x="2747" y="116"/>
              </a:cxn>
              <a:cxn ang="0">
                <a:pos x="3552" y="141"/>
              </a:cxn>
              <a:cxn ang="0">
                <a:pos x="4265" y="182"/>
              </a:cxn>
              <a:cxn ang="0">
                <a:pos x="4581" y="216"/>
              </a:cxn>
              <a:cxn ang="0">
                <a:pos x="4838" y="241"/>
              </a:cxn>
              <a:cxn ang="0">
                <a:pos x="5145" y="274"/>
              </a:cxn>
              <a:cxn ang="0">
                <a:pos x="5477" y="290"/>
              </a:cxn>
              <a:cxn ang="0">
                <a:pos x="5875" y="299"/>
              </a:cxn>
              <a:cxn ang="0">
                <a:pos x="6083" y="299"/>
              </a:cxn>
              <a:cxn ang="0">
                <a:pos x="6290" y="290"/>
              </a:cxn>
              <a:cxn ang="0">
                <a:pos x="6514" y="265"/>
              </a:cxn>
              <a:cxn ang="0">
                <a:pos x="6722" y="232"/>
              </a:cxn>
              <a:cxn ang="0">
                <a:pos x="6921" y="199"/>
              </a:cxn>
              <a:cxn ang="0">
                <a:pos x="7104" y="141"/>
              </a:cxn>
              <a:cxn ang="0">
                <a:pos x="7187" y="116"/>
              </a:cxn>
              <a:cxn ang="0">
                <a:pos x="7270" y="83"/>
              </a:cxn>
              <a:cxn ang="0">
                <a:pos x="7344" y="41"/>
              </a:cxn>
              <a:cxn ang="0">
                <a:pos x="7411" y="0"/>
              </a:cxn>
            </a:cxnLst>
            <a:rect l="0" t="0" r="0" b="0"/>
            <a:pathLst>
              <a:path w="7411" h="299">
                <a:moveTo>
                  <a:pt x="0" y="17"/>
                </a:moveTo>
                <a:lnTo>
                  <a:pt x="581" y="33"/>
                </a:lnTo>
                <a:lnTo>
                  <a:pt x="1933" y="75"/>
                </a:lnTo>
                <a:lnTo>
                  <a:pt x="2747" y="116"/>
                </a:lnTo>
                <a:lnTo>
                  <a:pt x="3552" y="141"/>
                </a:lnTo>
                <a:lnTo>
                  <a:pt x="4265" y="182"/>
                </a:lnTo>
                <a:lnTo>
                  <a:pt x="4581" y="216"/>
                </a:lnTo>
                <a:lnTo>
                  <a:pt x="4838" y="241"/>
                </a:lnTo>
                <a:lnTo>
                  <a:pt x="5145" y="274"/>
                </a:lnTo>
                <a:lnTo>
                  <a:pt x="5477" y="290"/>
                </a:lnTo>
                <a:lnTo>
                  <a:pt x="5875" y="299"/>
                </a:lnTo>
                <a:lnTo>
                  <a:pt x="6083" y="299"/>
                </a:lnTo>
                <a:lnTo>
                  <a:pt x="6290" y="290"/>
                </a:lnTo>
                <a:lnTo>
                  <a:pt x="6514" y="265"/>
                </a:lnTo>
                <a:lnTo>
                  <a:pt x="6722" y="232"/>
                </a:lnTo>
                <a:lnTo>
                  <a:pt x="6921" y="199"/>
                </a:lnTo>
                <a:lnTo>
                  <a:pt x="7104" y="141"/>
                </a:lnTo>
                <a:lnTo>
                  <a:pt x="7187" y="116"/>
                </a:lnTo>
                <a:lnTo>
                  <a:pt x="7270" y="83"/>
                </a:lnTo>
                <a:lnTo>
                  <a:pt x="7344" y="41"/>
                </a:lnTo>
                <a:lnTo>
                  <a:pt x="7411" y="0"/>
                </a:lnTo>
              </a:path>
            </a:pathLst>
          </a:custGeom>
          <a:noFill/>
          <a:ln w="9525" cap="flat" cmpd="sng" algn="ctr">
            <a:solidFill>
              <a:schemeClr val="accent1">
                <a:lumMod val="40000"/>
                <a:lumOff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sp>
        <p:nvSpPr>
          <p:cNvPr id="39" name="フリーフォーム 38"/>
          <p:cNvSpPr>
            <a:spLocks/>
          </p:cNvSpPr>
          <p:nvPr/>
        </p:nvSpPr>
        <p:spPr bwMode="auto">
          <a:xfrm>
            <a:off x="0" y="3809785"/>
            <a:ext cx="9144000" cy="491331"/>
          </a:xfrm>
          <a:custGeom>
            <a:avLst/>
            <a:gdLst/>
            <a:ahLst/>
            <a:cxnLst>
              <a:cxn ang="0">
                <a:pos x="0" y="340"/>
              </a:cxn>
              <a:cxn ang="0">
                <a:pos x="332" y="365"/>
              </a:cxn>
              <a:cxn ang="0">
                <a:pos x="713" y="382"/>
              </a:cxn>
              <a:cxn ang="0">
                <a:pos x="1186" y="390"/>
              </a:cxn>
              <a:cxn ang="0">
                <a:pos x="1742" y="398"/>
              </a:cxn>
              <a:cxn ang="0">
                <a:pos x="2365" y="390"/>
              </a:cxn>
              <a:cxn ang="0">
                <a:pos x="2689" y="382"/>
              </a:cxn>
              <a:cxn ang="0">
                <a:pos x="3020" y="373"/>
              </a:cxn>
              <a:cxn ang="0">
                <a:pos x="3344" y="348"/>
              </a:cxn>
              <a:cxn ang="0">
                <a:pos x="3676" y="324"/>
              </a:cxn>
              <a:cxn ang="0">
                <a:pos x="4058" y="257"/>
              </a:cxn>
              <a:cxn ang="0">
                <a:pos x="4481" y="199"/>
              </a:cxn>
              <a:cxn ang="0">
                <a:pos x="4996" y="133"/>
              </a:cxn>
              <a:cxn ang="0">
                <a:pos x="5535" y="66"/>
              </a:cxn>
              <a:cxn ang="0">
                <a:pos x="6075" y="25"/>
              </a:cxn>
              <a:cxn ang="0">
                <a:pos x="6332" y="8"/>
              </a:cxn>
              <a:cxn ang="0">
                <a:pos x="6564" y="0"/>
              </a:cxn>
              <a:cxn ang="0">
                <a:pos x="6763" y="0"/>
              </a:cxn>
              <a:cxn ang="0">
                <a:pos x="6946" y="17"/>
              </a:cxn>
              <a:cxn ang="0">
                <a:pos x="7137" y="41"/>
              </a:cxn>
              <a:cxn ang="0">
                <a:pos x="7295" y="58"/>
              </a:cxn>
              <a:cxn ang="0">
                <a:pos x="7411" y="66"/>
              </a:cxn>
            </a:cxnLst>
            <a:rect l="0" t="0" r="0" b="0"/>
            <a:pathLst>
              <a:path w="7411" h="398">
                <a:moveTo>
                  <a:pt x="0" y="340"/>
                </a:moveTo>
                <a:lnTo>
                  <a:pt x="332" y="365"/>
                </a:lnTo>
                <a:lnTo>
                  <a:pt x="713" y="382"/>
                </a:lnTo>
                <a:lnTo>
                  <a:pt x="1186" y="390"/>
                </a:lnTo>
                <a:lnTo>
                  <a:pt x="1742" y="398"/>
                </a:lnTo>
                <a:lnTo>
                  <a:pt x="2365" y="390"/>
                </a:lnTo>
                <a:lnTo>
                  <a:pt x="2689" y="382"/>
                </a:lnTo>
                <a:lnTo>
                  <a:pt x="3020" y="373"/>
                </a:lnTo>
                <a:lnTo>
                  <a:pt x="3344" y="348"/>
                </a:lnTo>
                <a:lnTo>
                  <a:pt x="3676" y="324"/>
                </a:lnTo>
                <a:lnTo>
                  <a:pt x="4058" y="257"/>
                </a:lnTo>
                <a:lnTo>
                  <a:pt x="4481" y="199"/>
                </a:lnTo>
                <a:lnTo>
                  <a:pt x="4996" y="133"/>
                </a:lnTo>
                <a:lnTo>
                  <a:pt x="5535" y="66"/>
                </a:lnTo>
                <a:lnTo>
                  <a:pt x="6075" y="25"/>
                </a:lnTo>
                <a:lnTo>
                  <a:pt x="6332" y="8"/>
                </a:lnTo>
                <a:lnTo>
                  <a:pt x="6564" y="0"/>
                </a:lnTo>
                <a:lnTo>
                  <a:pt x="6763" y="0"/>
                </a:lnTo>
                <a:lnTo>
                  <a:pt x="6946" y="17"/>
                </a:lnTo>
                <a:lnTo>
                  <a:pt x="7137" y="41"/>
                </a:lnTo>
                <a:lnTo>
                  <a:pt x="7295" y="58"/>
                </a:lnTo>
                <a:lnTo>
                  <a:pt x="7411" y="66"/>
                </a:lnTo>
              </a:path>
            </a:pathLst>
          </a:custGeom>
          <a:noFill/>
          <a:ln w="9525" cap="flat" cmpd="sng" algn="ctr">
            <a:solidFill>
              <a:schemeClr val="accent1">
                <a:lumMod val="60000"/>
                <a:lumOff val="4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sp>
        <p:nvSpPr>
          <p:cNvPr id="40" name="フリーフォーム 39"/>
          <p:cNvSpPr>
            <a:spLocks/>
          </p:cNvSpPr>
          <p:nvPr/>
        </p:nvSpPr>
        <p:spPr bwMode="auto">
          <a:xfrm>
            <a:off x="0" y="4090553"/>
            <a:ext cx="9144000" cy="481455"/>
          </a:xfrm>
          <a:custGeom>
            <a:avLst/>
            <a:gdLst/>
            <a:ahLst/>
            <a:cxnLst>
              <a:cxn ang="0">
                <a:pos x="0" y="92"/>
              </a:cxn>
              <a:cxn ang="0">
                <a:pos x="265" y="141"/>
              </a:cxn>
              <a:cxn ang="0">
                <a:pos x="589" y="191"/>
              </a:cxn>
              <a:cxn ang="0">
                <a:pos x="1029" y="249"/>
              </a:cxn>
              <a:cxn ang="0">
                <a:pos x="1585" y="307"/>
              </a:cxn>
              <a:cxn ang="0">
                <a:pos x="1883" y="332"/>
              </a:cxn>
              <a:cxn ang="0">
                <a:pos x="2224" y="349"/>
              </a:cxn>
              <a:cxn ang="0">
                <a:pos x="2589" y="374"/>
              </a:cxn>
              <a:cxn ang="0">
                <a:pos x="2979" y="382"/>
              </a:cxn>
              <a:cxn ang="0">
                <a:pos x="3386" y="390"/>
              </a:cxn>
              <a:cxn ang="0">
                <a:pos x="3809" y="390"/>
              </a:cxn>
              <a:cxn ang="0">
                <a:pos x="4199" y="382"/>
              </a:cxn>
              <a:cxn ang="0">
                <a:pos x="5120" y="349"/>
              </a:cxn>
              <a:cxn ang="0">
                <a:pos x="5651" y="332"/>
              </a:cxn>
              <a:cxn ang="0">
                <a:pos x="6174" y="299"/>
              </a:cxn>
              <a:cxn ang="0">
                <a:pos x="6639" y="258"/>
              </a:cxn>
              <a:cxn ang="0">
                <a:pos x="6830" y="233"/>
              </a:cxn>
              <a:cxn ang="0">
                <a:pos x="6987" y="216"/>
              </a:cxn>
              <a:cxn ang="0">
                <a:pos x="7046" y="191"/>
              </a:cxn>
              <a:cxn ang="0">
                <a:pos x="7178" y="141"/>
              </a:cxn>
              <a:cxn ang="0">
                <a:pos x="7253" y="108"/>
              </a:cxn>
              <a:cxn ang="0">
                <a:pos x="7319" y="67"/>
              </a:cxn>
              <a:cxn ang="0">
                <a:pos x="7378" y="34"/>
              </a:cxn>
              <a:cxn ang="0">
                <a:pos x="7411" y="0"/>
              </a:cxn>
            </a:cxnLst>
            <a:rect l="0" t="0" r="0" b="0"/>
            <a:pathLst>
              <a:path w="7411" h="390">
                <a:moveTo>
                  <a:pt x="0" y="92"/>
                </a:moveTo>
                <a:lnTo>
                  <a:pt x="265" y="141"/>
                </a:lnTo>
                <a:lnTo>
                  <a:pt x="589" y="191"/>
                </a:lnTo>
                <a:lnTo>
                  <a:pt x="1029" y="249"/>
                </a:lnTo>
                <a:lnTo>
                  <a:pt x="1585" y="307"/>
                </a:lnTo>
                <a:lnTo>
                  <a:pt x="1883" y="332"/>
                </a:lnTo>
                <a:lnTo>
                  <a:pt x="2224" y="349"/>
                </a:lnTo>
                <a:lnTo>
                  <a:pt x="2589" y="374"/>
                </a:lnTo>
                <a:lnTo>
                  <a:pt x="2979" y="382"/>
                </a:lnTo>
                <a:lnTo>
                  <a:pt x="3386" y="390"/>
                </a:lnTo>
                <a:lnTo>
                  <a:pt x="3809" y="390"/>
                </a:lnTo>
                <a:lnTo>
                  <a:pt x="4199" y="382"/>
                </a:lnTo>
                <a:lnTo>
                  <a:pt x="5120" y="349"/>
                </a:lnTo>
                <a:lnTo>
                  <a:pt x="5651" y="332"/>
                </a:lnTo>
                <a:lnTo>
                  <a:pt x="6174" y="299"/>
                </a:lnTo>
                <a:lnTo>
                  <a:pt x="6639" y="258"/>
                </a:lnTo>
                <a:lnTo>
                  <a:pt x="6830" y="233"/>
                </a:lnTo>
                <a:lnTo>
                  <a:pt x="6987" y="216"/>
                </a:lnTo>
                <a:lnTo>
                  <a:pt x="7046" y="191"/>
                </a:lnTo>
                <a:lnTo>
                  <a:pt x="7178" y="141"/>
                </a:lnTo>
                <a:lnTo>
                  <a:pt x="7253" y="108"/>
                </a:lnTo>
                <a:lnTo>
                  <a:pt x="7319" y="67"/>
                </a:lnTo>
                <a:lnTo>
                  <a:pt x="7378" y="34"/>
                </a:lnTo>
                <a:lnTo>
                  <a:pt x="7411" y="0"/>
                </a:lnTo>
              </a:path>
            </a:pathLst>
          </a:custGeom>
          <a:noFill/>
          <a:ln w="9525" cap="flat" cmpd="sng" algn="ctr">
            <a:solidFill>
              <a:schemeClr val="accent1">
                <a:lumMod val="60000"/>
                <a:lumOff val="4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sp>
        <p:nvSpPr>
          <p:cNvPr id="41" name="フリーフォーム 40"/>
          <p:cNvSpPr>
            <a:spLocks/>
          </p:cNvSpPr>
          <p:nvPr/>
        </p:nvSpPr>
        <p:spPr bwMode="auto">
          <a:xfrm>
            <a:off x="0" y="4325364"/>
            <a:ext cx="9144000" cy="553056"/>
          </a:xfrm>
          <a:custGeom>
            <a:avLst/>
            <a:gdLst/>
            <a:ahLst/>
            <a:cxnLst>
              <a:cxn ang="0">
                <a:pos x="0" y="448"/>
              </a:cxn>
              <a:cxn ang="0">
                <a:pos x="896" y="349"/>
              </a:cxn>
              <a:cxn ang="0">
                <a:pos x="1850" y="258"/>
              </a:cxn>
              <a:cxn ang="0">
                <a:pos x="3012" y="150"/>
              </a:cxn>
              <a:cxn ang="0">
                <a:pos x="3635" y="108"/>
              </a:cxn>
              <a:cxn ang="0">
                <a:pos x="4257" y="67"/>
              </a:cxn>
              <a:cxn ang="0">
                <a:pos x="4879" y="34"/>
              </a:cxn>
              <a:cxn ang="0">
                <a:pos x="5477" y="9"/>
              </a:cxn>
              <a:cxn ang="0">
                <a:pos x="6050" y="0"/>
              </a:cxn>
              <a:cxn ang="0">
                <a:pos x="6572" y="9"/>
              </a:cxn>
              <a:cxn ang="0">
                <a:pos x="6813" y="17"/>
              </a:cxn>
              <a:cxn ang="0">
                <a:pos x="7029" y="34"/>
              </a:cxn>
              <a:cxn ang="0">
                <a:pos x="7228" y="50"/>
              </a:cxn>
              <a:cxn ang="0">
                <a:pos x="7411" y="83"/>
              </a:cxn>
            </a:cxnLst>
            <a:rect l="0" t="0" r="0" b="0"/>
            <a:pathLst>
              <a:path w="7411" h="448">
                <a:moveTo>
                  <a:pt x="0" y="448"/>
                </a:moveTo>
                <a:lnTo>
                  <a:pt x="896" y="349"/>
                </a:lnTo>
                <a:lnTo>
                  <a:pt x="1850" y="258"/>
                </a:lnTo>
                <a:lnTo>
                  <a:pt x="3012" y="150"/>
                </a:lnTo>
                <a:lnTo>
                  <a:pt x="3635" y="108"/>
                </a:lnTo>
                <a:lnTo>
                  <a:pt x="4257" y="67"/>
                </a:lnTo>
                <a:lnTo>
                  <a:pt x="4879" y="34"/>
                </a:lnTo>
                <a:lnTo>
                  <a:pt x="5477" y="9"/>
                </a:lnTo>
                <a:lnTo>
                  <a:pt x="6050" y="0"/>
                </a:lnTo>
                <a:lnTo>
                  <a:pt x="6572" y="9"/>
                </a:lnTo>
                <a:lnTo>
                  <a:pt x="6813" y="17"/>
                </a:lnTo>
                <a:lnTo>
                  <a:pt x="7029" y="34"/>
                </a:lnTo>
                <a:lnTo>
                  <a:pt x="7228" y="50"/>
                </a:lnTo>
                <a:lnTo>
                  <a:pt x="7411" y="83"/>
                </a:lnTo>
              </a:path>
            </a:pathLst>
          </a:custGeom>
          <a:noFill/>
          <a:ln w="12700" cap="flat" cmpd="sng" algn="ctr">
            <a:solidFill>
              <a:schemeClr val="accent1">
                <a:lumMod val="60000"/>
                <a:lumOff val="4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sp>
        <p:nvSpPr>
          <p:cNvPr id="22" name="フリーフォーム 21"/>
          <p:cNvSpPr>
            <a:spLocks/>
          </p:cNvSpPr>
          <p:nvPr/>
        </p:nvSpPr>
        <p:spPr bwMode="auto">
          <a:xfrm>
            <a:off x="143256" y="4071943"/>
            <a:ext cx="9000744" cy="491331"/>
          </a:xfrm>
          <a:custGeom>
            <a:avLst/>
            <a:gdLst/>
            <a:ahLst/>
            <a:cxnLst>
              <a:cxn ang="0">
                <a:pos x="0" y="340"/>
              </a:cxn>
              <a:cxn ang="0">
                <a:pos x="332" y="365"/>
              </a:cxn>
              <a:cxn ang="0">
                <a:pos x="713" y="382"/>
              </a:cxn>
              <a:cxn ang="0">
                <a:pos x="1186" y="390"/>
              </a:cxn>
              <a:cxn ang="0">
                <a:pos x="1742" y="398"/>
              </a:cxn>
              <a:cxn ang="0">
                <a:pos x="2365" y="390"/>
              </a:cxn>
              <a:cxn ang="0">
                <a:pos x="2689" y="382"/>
              </a:cxn>
              <a:cxn ang="0">
                <a:pos x="3020" y="373"/>
              </a:cxn>
              <a:cxn ang="0">
                <a:pos x="3344" y="348"/>
              </a:cxn>
              <a:cxn ang="0">
                <a:pos x="3676" y="324"/>
              </a:cxn>
              <a:cxn ang="0">
                <a:pos x="4058" y="257"/>
              </a:cxn>
              <a:cxn ang="0">
                <a:pos x="4481" y="199"/>
              </a:cxn>
              <a:cxn ang="0">
                <a:pos x="4996" y="133"/>
              </a:cxn>
              <a:cxn ang="0">
                <a:pos x="5535" y="66"/>
              </a:cxn>
              <a:cxn ang="0">
                <a:pos x="6075" y="25"/>
              </a:cxn>
              <a:cxn ang="0">
                <a:pos x="6332" y="8"/>
              </a:cxn>
              <a:cxn ang="0">
                <a:pos x="6564" y="0"/>
              </a:cxn>
              <a:cxn ang="0">
                <a:pos x="6763" y="0"/>
              </a:cxn>
              <a:cxn ang="0">
                <a:pos x="6946" y="17"/>
              </a:cxn>
              <a:cxn ang="0">
                <a:pos x="7137" y="41"/>
              </a:cxn>
              <a:cxn ang="0">
                <a:pos x="7295" y="58"/>
              </a:cxn>
              <a:cxn ang="0">
                <a:pos x="7411" y="66"/>
              </a:cxn>
            </a:cxnLst>
            <a:rect l="0" t="0" r="0" b="0"/>
            <a:pathLst>
              <a:path w="7411" h="398">
                <a:moveTo>
                  <a:pt x="0" y="340"/>
                </a:moveTo>
                <a:lnTo>
                  <a:pt x="332" y="365"/>
                </a:lnTo>
                <a:lnTo>
                  <a:pt x="713" y="382"/>
                </a:lnTo>
                <a:lnTo>
                  <a:pt x="1186" y="390"/>
                </a:lnTo>
                <a:lnTo>
                  <a:pt x="1742" y="398"/>
                </a:lnTo>
                <a:lnTo>
                  <a:pt x="2365" y="390"/>
                </a:lnTo>
                <a:lnTo>
                  <a:pt x="2689" y="382"/>
                </a:lnTo>
                <a:lnTo>
                  <a:pt x="3020" y="373"/>
                </a:lnTo>
                <a:lnTo>
                  <a:pt x="3344" y="348"/>
                </a:lnTo>
                <a:lnTo>
                  <a:pt x="3676" y="324"/>
                </a:lnTo>
                <a:lnTo>
                  <a:pt x="4058" y="257"/>
                </a:lnTo>
                <a:lnTo>
                  <a:pt x="4481" y="199"/>
                </a:lnTo>
                <a:lnTo>
                  <a:pt x="4996" y="133"/>
                </a:lnTo>
                <a:lnTo>
                  <a:pt x="5535" y="66"/>
                </a:lnTo>
                <a:lnTo>
                  <a:pt x="6075" y="25"/>
                </a:lnTo>
                <a:lnTo>
                  <a:pt x="6332" y="8"/>
                </a:lnTo>
                <a:lnTo>
                  <a:pt x="6564" y="0"/>
                </a:lnTo>
                <a:lnTo>
                  <a:pt x="6763" y="0"/>
                </a:lnTo>
                <a:lnTo>
                  <a:pt x="6946" y="17"/>
                </a:lnTo>
                <a:lnTo>
                  <a:pt x="7137" y="41"/>
                </a:lnTo>
                <a:lnTo>
                  <a:pt x="7295" y="58"/>
                </a:lnTo>
                <a:lnTo>
                  <a:pt x="7411" y="66"/>
                </a:lnTo>
              </a:path>
            </a:pathLst>
          </a:custGeom>
          <a:noFill/>
          <a:ln w="9525" cap="flat" cmpd="sng" algn="ctr">
            <a:solidFill>
              <a:schemeClr val="accent1">
                <a:lumMod val="60000"/>
                <a:lumOff val="4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sp>
        <p:nvSpPr>
          <p:cNvPr id="24" name="フリーフォーム 23"/>
          <p:cNvSpPr>
            <a:spLocks/>
          </p:cNvSpPr>
          <p:nvPr/>
        </p:nvSpPr>
        <p:spPr bwMode="auto">
          <a:xfrm>
            <a:off x="152400" y="4019116"/>
            <a:ext cx="8991600" cy="481455"/>
          </a:xfrm>
          <a:custGeom>
            <a:avLst/>
            <a:gdLst/>
            <a:ahLst/>
            <a:cxnLst>
              <a:cxn ang="0">
                <a:pos x="0" y="92"/>
              </a:cxn>
              <a:cxn ang="0">
                <a:pos x="265" y="141"/>
              </a:cxn>
              <a:cxn ang="0">
                <a:pos x="589" y="191"/>
              </a:cxn>
              <a:cxn ang="0">
                <a:pos x="1029" y="249"/>
              </a:cxn>
              <a:cxn ang="0">
                <a:pos x="1585" y="307"/>
              </a:cxn>
              <a:cxn ang="0">
                <a:pos x="1883" y="332"/>
              </a:cxn>
              <a:cxn ang="0">
                <a:pos x="2224" y="349"/>
              </a:cxn>
              <a:cxn ang="0">
                <a:pos x="2589" y="374"/>
              </a:cxn>
              <a:cxn ang="0">
                <a:pos x="2979" y="382"/>
              </a:cxn>
              <a:cxn ang="0">
                <a:pos x="3386" y="390"/>
              </a:cxn>
              <a:cxn ang="0">
                <a:pos x="3809" y="390"/>
              </a:cxn>
              <a:cxn ang="0">
                <a:pos x="4199" y="382"/>
              </a:cxn>
              <a:cxn ang="0">
                <a:pos x="5120" y="349"/>
              </a:cxn>
              <a:cxn ang="0">
                <a:pos x="5651" y="332"/>
              </a:cxn>
              <a:cxn ang="0">
                <a:pos x="6174" y="299"/>
              </a:cxn>
              <a:cxn ang="0">
                <a:pos x="6639" y="258"/>
              </a:cxn>
              <a:cxn ang="0">
                <a:pos x="6830" y="233"/>
              </a:cxn>
              <a:cxn ang="0">
                <a:pos x="6987" y="216"/>
              </a:cxn>
              <a:cxn ang="0">
                <a:pos x="7046" y="191"/>
              </a:cxn>
              <a:cxn ang="0">
                <a:pos x="7178" y="141"/>
              </a:cxn>
              <a:cxn ang="0">
                <a:pos x="7253" y="108"/>
              </a:cxn>
              <a:cxn ang="0">
                <a:pos x="7319" y="67"/>
              </a:cxn>
              <a:cxn ang="0">
                <a:pos x="7378" y="34"/>
              </a:cxn>
              <a:cxn ang="0">
                <a:pos x="7411" y="0"/>
              </a:cxn>
            </a:cxnLst>
            <a:rect l="0" t="0" r="0" b="0"/>
            <a:pathLst>
              <a:path w="7411" h="390">
                <a:moveTo>
                  <a:pt x="0" y="92"/>
                </a:moveTo>
                <a:lnTo>
                  <a:pt x="265" y="141"/>
                </a:lnTo>
                <a:lnTo>
                  <a:pt x="589" y="191"/>
                </a:lnTo>
                <a:lnTo>
                  <a:pt x="1029" y="249"/>
                </a:lnTo>
                <a:lnTo>
                  <a:pt x="1585" y="307"/>
                </a:lnTo>
                <a:lnTo>
                  <a:pt x="1883" y="332"/>
                </a:lnTo>
                <a:lnTo>
                  <a:pt x="2224" y="349"/>
                </a:lnTo>
                <a:lnTo>
                  <a:pt x="2589" y="374"/>
                </a:lnTo>
                <a:lnTo>
                  <a:pt x="2979" y="382"/>
                </a:lnTo>
                <a:lnTo>
                  <a:pt x="3386" y="390"/>
                </a:lnTo>
                <a:lnTo>
                  <a:pt x="3809" y="390"/>
                </a:lnTo>
                <a:lnTo>
                  <a:pt x="4199" y="382"/>
                </a:lnTo>
                <a:lnTo>
                  <a:pt x="5120" y="349"/>
                </a:lnTo>
                <a:lnTo>
                  <a:pt x="5651" y="332"/>
                </a:lnTo>
                <a:lnTo>
                  <a:pt x="6174" y="299"/>
                </a:lnTo>
                <a:lnTo>
                  <a:pt x="6639" y="258"/>
                </a:lnTo>
                <a:lnTo>
                  <a:pt x="6830" y="233"/>
                </a:lnTo>
                <a:lnTo>
                  <a:pt x="6987" y="216"/>
                </a:lnTo>
                <a:lnTo>
                  <a:pt x="7046" y="191"/>
                </a:lnTo>
                <a:lnTo>
                  <a:pt x="7178" y="141"/>
                </a:lnTo>
                <a:lnTo>
                  <a:pt x="7253" y="108"/>
                </a:lnTo>
                <a:lnTo>
                  <a:pt x="7319" y="67"/>
                </a:lnTo>
                <a:lnTo>
                  <a:pt x="7378" y="34"/>
                </a:lnTo>
                <a:lnTo>
                  <a:pt x="7411" y="0"/>
                </a:lnTo>
              </a:path>
            </a:pathLst>
          </a:custGeom>
          <a:noFill/>
          <a:ln w="9525" cap="flat" cmpd="sng" algn="ctr">
            <a:solidFill>
              <a:schemeClr val="accent1">
                <a:lumMod val="20000"/>
                <a:lumOff val="8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sp>
        <p:nvSpPr>
          <p:cNvPr id="26" name="フリーフォーム 25"/>
          <p:cNvSpPr>
            <a:spLocks/>
          </p:cNvSpPr>
          <p:nvPr/>
        </p:nvSpPr>
        <p:spPr bwMode="auto">
          <a:xfrm>
            <a:off x="143256" y="3714753"/>
            <a:ext cx="9000744" cy="491331"/>
          </a:xfrm>
          <a:custGeom>
            <a:avLst/>
            <a:gdLst/>
            <a:ahLst/>
            <a:cxnLst>
              <a:cxn ang="0">
                <a:pos x="0" y="340"/>
              </a:cxn>
              <a:cxn ang="0">
                <a:pos x="332" y="365"/>
              </a:cxn>
              <a:cxn ang="0">
                <a:pos x="713" y="382"/>
              </a:cxn>
              <a:cxn ang="0">
                <a:pos x="1186" y="390"/>
              </a:cxn>
              <a:cxn ang="0">
                <a:pos x="1742" y="398"/>
              </a:cxn>
              <a:cxn ang="0">
                <a:pos x="2365" y="390"/>
              </a:cxn>
              <a:cxn ang="0">
                <a:pos x="2689" y="382"/>
              </a:cxn>
              <a:cxn ang="0">
                <a:pos x="3020" y="373"/>
              </a:cxn>
              <a:cxn ang="0">
                <a:pos x="3344" y="348"/>
              </a:cxn>
              <a:cxn ang="0">
                <a:pos x="3676" y="324"/>
              </a:cxn>
              <a:cxn ang="0">
                <a:pos x="4058" y="257"/>
              </a:cxn>
              <a:cxn ang="0">
                <a:pos x="4481" y="199"/>
              </a:cxn>
              <a:cxn ang="0">
                <a:pos x="4996" y="133"/>
              </a:cxn>
              <a:cxn ang="0">
                <a:pos x="5535" y="66"/>
              </a:cxn>
              <a:cxn ang="0">
                <a:pos x="6075" y="25"/>
              </a:cxn>
              <a:cxn ang="0">
                <a:pos x="6332" y="8"/>
              </a:cxn>
              <a:cxn ang="0">
                <a:pos x="6564" y="0"/>
              </a:cxn>
              <a:cxn ang="0">
                <a:pos x="6763" y="0"/>
              </a:cxn>
              <a:cxn ang="0">
                <a:pos x="6946" y="17"/>
              </a:cxn>
              <a:cxn ang="0">
                <a:pos x="7137" y="41"/>
              </a:cxn>
              <a:cxn ang="0">
                <a:pos x="7295" y="58"/>
              </a:cxn>
              <a:cxn ang="0">
                <a:pos x="7411" y="66"/>
              </a:cxn>
            </a:cxnLst>
            <a:rect l="0" t="0" r="0" b="0"/>
            <a:pathLst>
              <a:path w="7411" h="398">
                <a:moveTo>
                  <a:pt x="0" y="340"/>
                </a:moveTo>
                <a:lnTo>
                  <a:pt x="332" y="365"/>
                </a:lnTo>
                <a:lnTo>
                  <a:pt x="713" y="382"/>
                </a:lnTo>
                <a:lnTo>
                  <a:pt x="1186" y="390"/>
                </a:lnTo>
                <a:lnTo>
                  <a:pt x="1742" y="398"/>
                </a:lnTo>
                <a:lnTo>
                  <a:pt x="2365" y="390"/>
                </a:lnTo>
                <a:lnTo>
                  <a:pt x="2689" y="382"/>
                </a:lnTo>
                <a:lnTo>
                  <a:pt x="3020" y="373"/>
                </a:lnTo>
                <a:lnTo>
                  <a:pt x="3344" y="348"/>
                </a:lnTo>
                <a:lnTo>
                  <a:pt x="3676" y="324"/>
                </a:lnTo>
                <a:lnTo>
                  <a:pt x="4058" y="257"/>
                </a:lnTo>
                <a:lnTo>
                  <a:pt x="4481" y="199"/>
                </a:lnTo>
                <a:lnTo>
                  <a:pt x="4996" y="133"/>
                </a:lnTo>
                <a:lnTo>
                  <a:pt x="5535" y="66"/>
                </a:lnTo>
                <a:lnTo>
                  <a:pt x="6075" y="25"/>
                </a:lnTo>
                <a:lnTo>
                  <a:pt x="6332" y="8"/>
                </a:lnTo>
                <a:lnTo>
                  <a:pt x="6564" y="0"/>
                </a:lnTo>
                <a:lnTo>
                  <a:pt x="6763" y="0"/>
                </a:lnTo>
                <a:lnTo>
                  <a:pt x="6946" y="17"/>
                </a:lnTo>
                <a:lnTo>
                  <a:pt x="7137" y="41"/>
                </a:lnTo>
                <a:lnTo>
                  <a:pt x="7295" y="58"/>
                </a:lnTo>
                <a:lnTo>
                  <a:pt x="7411" y="66"/>
                </a:lnTo>
              </a:path>
            </a:pathLst>
          </a:custGeom>
          <a:noFill/>
          <a:ln w="9525" cap="flat" cmpd="sng" algn="ctr">
            <a:solidFill>
              <a:schemeClr val="accent1">
                <a:lumMod val="20000"/>
                <a:lumOff val="8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sp>
        <p:nvSpPr>
          <p:cNvPr id="27" name="フリーフォーム 26"/>
          <p:cNvSpPr>
            <a:spLocks/>
          </p:cNvSpPr>
          <p:nvPr/>
        </p:nvSpPr>
        <p:spPr bwMode="auto">
          <a:xfrm>
            <a:off x="152400" y="3881224"/>
            <a:ext cx="8991600" cy="481455"/>
          </a:xfrm>
          <a:custGeom>
            <a:avLst/>
            <a:gdLst/>
            <a:ahLst/>
            <a:cxnLst>
              <a:cxn ang="0">
                <a:pos x="0" y="92"/>
              </a:cxn>
              <a:cxn ang="0">
                <a:pos x="265" y="141"/>
              </a:cxn>
              <a:cxn ang="0">
                <a:pos x="589" y="191"/>
              </a:cxn>
              <a:cxn ang="0">
                <a:pos x="1029" y="249"/>
              </a:cxn>
              <a:cxn ang="0">
                <a:pos x="1585" y="307"/>
              </a:cxn>
              <a:cxn ang="0">
                <a:pos x="1883" y="332"/>
              </a:cxn>
              <a:cxn ang="0">
                <a:pos x="2224" y="349"/>
              </a:cxn>
              <a:cxn ang="0">
                <a:pos x="2589" y="374"/>
              </a:cxn>
              <a:cxn ang="0">
                <a:pos x="2979" y="382"/>
              </a:cxn>
              <a:cxn ang="0">
                <a:pos x="3386" y="390"/>
              </a:cxn>
              <a:cxn ang="0">
                <a:pos x="3809" y="390"/>
              </a:cxn>
              <a:cxn ang="0">
                <a:pos x="4199" y="382"/>
              </a:cxn>
              <a:cxn ang="0">
                <a:pos x="5120" y="349"/>
              </a:cxn>
              <a:cxn ang="0">
                <a:pos x="5651" y="332"/>
              </a:cxn>
              <a:cxn ang="0">
                <a:pos x="6174" y="299"/>
              </a:cxn>
              <a:cxn ang="0">
                <a:pos x="6639" y="258"/>
              </a:cxn>
              <a:cxn ang="0">
                <a:pos x="6830" y="233"/>
              </a:cxn>
              <a:cxn ang="0">
                <a:pos x="6987" y="216"/>
              </a:cxn>
              <a:cxn ang="0">
                <a:pos x="7046" y="191"/>
              </a:cxn>
              <a:cxn ang="0">
                <a:pos x="7178" y="141"/>
              </a:cxn>
              <a:cxn ang="0">
                <a:pos x="7253" y="108"/>
              </a:cxn>
              <a:cxn ang="0">
                <a:pos x="7319" y="67"/>
              </a:cxn>
              <a:cxn ang="0">
                <a:pos x="7378" y="34"/>
              </a:cxn>
              <a:cxn ang="0">
                <a:pos x="7411" y="0"/>
              </a:cxn>
            </a:cxnLst>
            <a:rect l="0" t="0" r="0" b="0"/>
            <a:pathLst>
              <a:path w="7411" h="390">
                <a:moveTo>
                  <a:pt x="0" y="92"/>
                </a:moveTo>
                <a:lnTo>
                  <a:pt x="265" y="141"/>
                </a:lnTo>
                <a:lnTo>
                  <a:pt x="589" y="191"/>
                </a:lnTo>
                <a:lnTo>
                  <a:pt x="1029" y="249"/>
                </a:lnTo>
                <a:lnTo>
                  <a:pt x="1585" y="307"/>
                </a:lnTo>
                <a:lnTo>
                  <a:pt x="1883" y="332"/>
                </a:lnTo>
                <a:lnTo>
                  <a:pt x="2224" y="349"/>
                </a:lnTo>
                <a:lnTo>
                  <a:pt x="2589" y="374"/>
                </a:lnTo>
                <a:lnTo>
                  <a:pt x="2979" y="382"/>
                </a:lnTo>
                <a:lnTo>
                  <a:pt x="3386" y="390"/>
                </a:lnTo>
                <a:lnTo>
                  <a:pt x="3809" y="390"/>
                </a:lnTo>
                <a:lnTo>
                  <a:pt x="4199" y="382"/>
                </a:lnTo>
                <a:lnTo>
                  <a:pt x="5120" y="349"/>
                </a:lnTo>
                <a:lnTo>
                  <a:pt x="5651" y="332"/>
                </a:lnTo>
                <a:lnTo>
                  <a:pt x="6174" y="299"/>
                </a:lnTo>
                <a:lnTo>
                  <a:pt x="6639" y="258"/>
                </a:lnTo>
                <a:lnTo>
                  <a:pt x="6830" y="233"/>
                </a:lnTo>
                <a:lnTo>
                  <a:pt x="6987" y="216"/>
                </a:lnTo>
                <a:lnTo>
                  <a:pt x="7046" y="191"/>
                </a:lnTo>
                <a:lnTo>
                  <a:pt x="7178" y="141"/>
                </a:lnTo>
                <a:lnTo>
                  <a:pt x="7253" y="108"/>
                </a:lnTo>
                <a:lnTo>
                  <a:pt x="7319" y="67"/>
                </a:lnTo>
                <a:lnTo>
                  <a:pt x="7378" y="34"/>
                </a:lnTo>
                <a:lnTo>
                  <a:pt x="7411" y="0"/>
                </a:lnTo>
              </a:path>
            </a:pathLst>
          </a:custGeom>
          <a:noFill/>
          <a:ln w="9525" cap="flat" cmpd="sng" algn="ctr">
            <a:solidFill>
              <a:schemeClr val="accent1">
                <a:lumMod val="60000"/>
                <a:lumOff val="4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endParaRPr kumimoji="0" lang="ja-JP" altLang="en-US"/>
          </a:p>
        </p:txBody>
      </p:sp>
      <p:grpSp>
        <p:nvGrpSpPr>
          <p:cNvPr id="2" name="グループ化 1"/>
          <p:cNvGrpSpPr/>
          <p:nvPr/>
        </p:nvGrpSpPr>
        <p:grpSpPr>
          <a:xfrm>
            <a:off x="7530770" y="3871493"/>
            <a:ext cx="1541824" cy="1424221"/>
            <a:chOff x="7286645" y="3871493"/>
            <a:chExt cx="1541824" cy="1424221"/>
          </a:xfrm>
          <a:gradFill>
            <a:gsLst>
              <a:gs pos="0">
                <a:schemeClr val="accent1">
                  <a:alpha val="20000"/>
                </a:schemeClr>
              </a:gs>
              <a:gs pos="100000">
                <a:schemeClr val="accent1"/>
              </a:gs>
            </a:gsLst>
            <a:lin ang="5400000" scaled="1"/>
          </a:gradFill>
        </p:grpSpPr>
        <p:sp>
          <p:nvSpPr>
            <p:cNvPr id="18" name="フリーフォーム 17"/>
            <p:cNvSpPr>
              <a:spLocks/>
            </p:cNvSpPr>
            <p:nvPr/>
          </p:nvSpPr>
          <p:spPr bwMode="auto">
            <a:xfrm>
              <a:off x="7286645" y="3890348"/>
              <a:ext cx="908413" cy="891012"/>
            </a:xfrm>
            <a:custGeom>
              <a:avLst/>
              <a:gdLst>
                <a:gd name="T0" fmla="*/ 530225 w 507"/>
                <a:gd name="T1" fmla="*/ 0 h 501"/>
                <a:gd name="T2" fmla="*/ 692150 w 507"/>
                <a:gd name="T3" fmla="*/ 0 h 501"/>
                <a:gd name="T4" fmla="*/ 758825 w 507"/>
                <a:gd name="T5" fmla="*/ 0 h 501"/>
                <a:gd name="T6" fmla="*/ 804863 w 507"/>
                <a:gd name="T7" fmla="*/ 20638 h 501"/>
                <a:gd name="T8" fmla="*/ 804863 w 507"/>
                <a:gd name="T9" fmla="*/ 33338 h 501"/>
                <a:gd name="T10" fmla="*/ 738188 w 507"/>
                <a:gd name="T11" fmla="*/ 11113 h 501"/>
                <a:gd name="T12" fmla="*/ 701675 w 507"/>
                <a:gd name="T13" fmla="*/ 0 h 501"/>
                <a:gd name="T14" fmla="*/ 655638 w 507"/>
                <a:gd name="T15" fmla="*/ 0 h 501"/>
                <a:gd name="T16" fmla="*/ 552450 w 507"/>
                <a:gd name="T17" fmla="*/ 33338 h 501"/>
                <a:gd name="T18" fmla="*/ 460375 w 507"/>
                <a:gd name="T19" fmla="*/ 79375 h 501"/>
                <a:gd name="T20" fmla="*/ 414338 w 507"/>
                <a:gd name="T21" fmla="*/ 115888 h 501"/>
                <a:gd name="T22" fmla="*/ 493713 w 507"/>
                <a:gd name="T23" fmla="*/ 79375 h 501"/>
                <a:gd name="T24" fmla="*/ 542925 w 507"/>
                <a:gd name="T25" fmla="*/ 66675 h 501"/>
                <a:gd name="T26" fmla="*/ 563563 w 507"/>
                <a:gd name="T27" fmla="*/ 66675 h 501"/>
                <a:gd name="T28" fmla="*/ 460375 w 507"/>
                <a:gd name="T29" fmla="*/ 115888 h 501"/>
                <a:gd name="T30" fmla="*/ 403225 w 507"/>
                <a:gd name="T31" fmla="*/ 160338 h 501"/>
                <a:gd name="T32" fmla="*/ 334963 w 507"/>
                <a:gd name="T33" fmla="*/ 206375 h 501"/>
                <a:gd name="T34" fmla="*/ 277813 w 507"/>
                <a:gd name="T35" fmla="*/ 252413 h 501"/>
                <a:gd name="T36" fmla="*/ 219075 w 507"/>
                <a:gd name="T37" fmla="*/ 309563 h 501"/>
                <a:gd name="T38" fmla="*/ 182563 w 507"/>
                <a:gd name="T39" fmla="*/ 355600 h 501"/>
                <a:gd name="T40" fmla="*/ 161925 w 507"/>
                <a:gd name="T41" fmla="*/ 425450 h 501"/>
                <a:gd name="T42" fmla="*/ 138113 w 507"/>
                <a:gd name="T43" fmla="*/ 550863 h 501"/>
                <a:gd name="T44" fmla="*/ 128588 w 507"/>
                <a:gd name="T45" fmla="*/ 769938 h 501"/>
                <a:gd name="T46" fmla="*/ 115888 w 507"/>
                <a:gd name="T47" fmla="*/ 633413 h 501"/>
                <a:gd name="T48" fmla="*/ 103188 w 507"/>
                <a:gd name="T49" fmla="*/ 530225 h 501"/>
                <a:gd name="T50" fmla="*/ 92075 w 507"/>
                <a:gd name="T51" fmla="*/ 493713 h 501"/>
                <a:gd name="T52" fmla="*/ 69850 w 507"/>
                <a:gd name="T53" fmla="*/ 541338 h 501"/>
                <a:gd name="T54" fmla="*/ 58738 w 507"/>
                <a:gd name="T55" fmla="*/ 608013 h 501"/>
                <a:gd name="T56" fmla="*/ 46038 w 507"/>
                <a:gd name="T57" fmla="*/ 795338 h 501"/>
                <a:gd name="T58" fmla="*/ 33338 w 507"/>
                <a:gd name="T59" fmla="*/ 679450 h 501"/>
                <a:gd name="T60" fmla="*/ 25400 w 507"/>
                <a:gd name="T61" fmla="*/ 620713 h 501"/>
                <a:gd name="T62" fmla="*/ 12700 w 507"/>
                <a:gd name="T63" fmla="*/ 633413 h 501"/>
                <a:gd name="T64" fmla="*/ 0 w 507"/>
                <a:gd name="T65" fmla="*/ 646113 h 501"/>
                <a:gd name="T66" fmla="*/ 0 w 507"/>
                <a:gd name="T67" fmla="*/ 574675 h 501"/>
                <a:gd name="T68" fmla="*/ 12700 w 507"/>
                <a:gd name="T69" fmla="*/ 517525 h 501"/>
                <a:gd name="T70" fmla="*/ 25400 w 507"/>
                <a:gd name="T71" fmla="*/ 458788 h 501"/>
                <a:gd name="T72" fmla="*/ 82550 w 507"/>
                <a:gd name="T73" fmla="*/ 331788 h 501"/>
                <a:gd name="T74" fmla="*/ 149225 w 507"/>
                <a:gd name="T75" fmla="*/ 219075 h 501"/>
                <a:gd name="T76" fmla="*/ 231775 w 507"/>
                <a:gd name="T77" fmla="*/ 123825 h 501"/>
                <a:gd name="T78" fmla="*/ 311150 w 507"/>
                <a:gd name="T79" fmla="*/ 57150 h 501"/>
                <a:gd name="T80" fmla="*/ 403225 w 507"/>
                <a:gd name="T81" fmla="*/ 20638 h 501"/>
                <a:gd name="T82" fmla="*/ 519113 w 507"/>
                <a:gd name="T83" fmla="*/ 0 h 501"/>
                <a:gd name="T84" fmla="*/ 530225 w 507"/>
                <a:gd name="T85" fmla="*/ 0 h 501"/>
                <a:gd name="T86" fmla="*/ 0 1 256"/>
                <a:gd name="T87" fmla="*/ 0 1 256"/>
                <a:gd name="T88" fmla="*/ 0 1 256"/>
                <a:gd name="T89" fmla="*/ 0 1 256"/>
                <a:gd name="T90" fmla="*/ 0 1 256"/>
                <a:gd name="T91" fmla="*/ 0 1 256"/>
                <a:gd name="T92" fmla="*/ 0 1 256"/>
                <a:gd name="T93" fmla="*/ 0 1 256"/>
                <a:gd name="T94" fmla="*/ 0 1 256"/>
                <a:gd name="T95" fmla="*/ 0 1 256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w 507"/>
                <a:gd name="T130" fmla="*/ 0 h 501"/>
                <a:gd name="T131" fmla="*/ 0 w 507"/>
                <a:gd name="T132" fmla="*/ 0 h 501"/>
              </a:gdLst>
              <a:ahLst/>
              <a:cxnLst>
                <a:cxn ang="T86">
                  <a:pos x="T0" y="T1"/>
                </a:cxn>
                <a:cxn ang="T87">
                  <a:pos x="T2" y="T3"/>
                </a:cxn>
                <a:cxn ang="T88">
                  <a:pos x="T4" y="T5"/>
                </a:cxn>
                <a:cxn ang="T89">
                  <a:pos x="T6" y="T7"/>
                </a:cxn>
                <a:cxn ang="T90">
                  <a:pos x="T8" y="T9"/>
                </a:cxn>
                <a:cxn ang="T91">
                  <a:pos x="T10" y="T11"/>
                </a:cxn>
                <a:cxn ang="T92">
                  <a:pos x="T12" y="T13"/>
                </a:cxn>
                <a:cxn ang="T93">
                  <a:pos x="T14" y="T15"/>
                </a:cxn>
                <a:cxn ang="T94">
                  <a:pos x="T16" y="T17"/>
                </a:cxn>
                <a:cxn ang="T95">
                  <a:pos x="T18" y="T19"/>
                </a:cxn>
                <a:cxn ang="T96">
                  <a:pos x="T20" y="T21"/>
                </a:cxn>
                <a:cxn ang="T97">
                  <a:pos x="T22" y="T23"/>
                </a:cxn>
                <a:cxn ang="T98">
                  <a:pos x="T24" y="T25"/>
                </a:cxn>
                <a:cxn ang="T99">
                  <a:pos x="T26" y="T27"/>
                </a:cxn>
                <a:cxn ang="T100">
                  <a:pos x="T28" y="T29"/>
                </a:cxn>
                <a:cxn ang="T101">
                  <a:pos x="T30" y="T31"/>
                </a:cxn>
                <a:cxn ang="T102">
                  <a:pos x="T32" y="T33"/>
                </a:cxn>
                <a:cxn ang="T103">
                  <a:pos x="T34" y="T35"/>
                </a:cxn>
                <a:cxn ang="T104">
                  <a:pos x="T36" y="T37"/>
                </a:cxn>
                <a:cxn ang="T105">
                  <a:pos x="T38" y="T39"/>
                </a:cxn>
                <a:cxn ang="T106">
                  <a:pos x="T40" y="T41"/>
                </a:cxn>
                <a:cxn ang="T107">
                  <a:pos x="T42" y="T43"/>
                </a:cxn>
                <a:cxn ang="T108">
                  <a:pos x="T44" y="T45"/>
                </a:cxn>
                <a:cxn ang="T109">
                  <a:pos x="T46" y="T47"/>
                </a:cxn>
                <a:cxn ang="T110">
                  <a:pos x="T48" y="T49"/>
                </a:cxn>
                <a:cxn ang="T111">
                  <a:pos x="T50" y="T51"/>
                </a:cxn>
                <a:cxn ang="T112">
                  <a:pos x="T52" y="T53"/>
                </a:cxn>
                <a:cxn ang="T113">
                  <a:pos x="T54" y="T55"/>
                </a:cxn>
                <a:cxn ang="T114">
                  <a:pos x="T56" y="T57"/>
                </a:cxn>
                <a:cxn ang="T115">
                  <a:pos x="T58" y="T59"/>
                </a:cxn>
                <a:cxn ang="T116">
                  <a:pos x="T60" y="T61"/>
                </a:cxn>
                <a:cxn ang="T117">
                  <a:pos x="T62" y="T63"/>
                </a:cxn>
                <a:cxn ang="T118">
                  <a:pos x="T64" y="T65"/>
                </a:cxn>
                <a:cxn ang="T119">
                  <a:pos x="T66" y="T67"/>
                </a:cxn>
                <a:cxn ang="T120">
                  <a:pos x="T68" y="T69"/>
                </a:cxn>
                <a:cxn ang="T121">
                  <a:pos x="T70" y="T71"/>
                </a:cxn>
                <a:cxn ang="T122">
                  <a:pos x="T72" y="T73"/>
                </a:cxn>
                <a:cxn ang="T123">
                  <a:pos x="T74" y="T75"/>
                </a:cxn>
                <a:cxn ang="T124">
                  <a:pos x="T76" y="T77"/>
                </a:cxn>
                <a:cxn ang="T125">
                  <a:pos x="T78" y="T79"/>
                </a:cxn>
                <a:cxn ang="T126">
                  <a:pos x="T80" y="T81"/>
                </a:cxn>
                <a:cxn ang="T127">
                  <a:pos x="T82" y="T83"/>
                </a:cxn>
                <a:cxn ang="T128">
                  <a:pos x="T84" y="T85"/>
                </a:cxn>
              </a:cxnLst>
              <a:rect l="T129" t="T130" r="T131" b="T132"/>
              <a:pathLst>
                <a:path w="507" h="501">
                  <a:moveTo>
                    <a:pt x="334" y="0"/>
                  </a:moveTo>
                  <a:lnTo>
                    <a:pt x="436" y="0"/>
                  </a:lnTo>
                  <a:lnTo>
                    <a:pt x="478" y="0"/>
                  </a:lnTo>
                  <a:lnTo>
                    <a:pt x="507" y="13"/>
                  </a:lnTo>
                  <a:lnTo>
                    <a:pt x="507" y="21"/>
                  </a:lnTo>
                  <a:lnTo>
                    <a:pt x="465" y="7"/>
                  </a:lnTo>
                  <a:lnTo>
                    <a:pt x="442" y="0"/>
                  </a:lnTo>
                  <a:lnTo>
                    <a:pt x="413" y="0"/>
                  </a:lnTo>
                  <a:lnTo>
                    <a:pt x="348" y="21"/>
                  </a:lnTo>
                  <a:lnTo>
                    <a:pt x="290" y="50"/>
                  </a:lnTo>
                  <a:lnTo>
                    <a:pt x="261" y="73"/>
                  </a:lnTo>
                  <a:lnTo>
                    <a:pt x="311" y="50"/>
                  </a:lnTo>
                  <a:lnTo>
                    <a:pt x="342" y="42"/>
                  </a:lnTo>
                  <a:lnTo>
                    <a:pt x="355" y="42"/>
                  </a:lnTo>
                  <a:lnTo>
                    <a:pt x="290" y="73"/>
                  </a:lnTo>
                  <a:lnTo>
                    <a:pt x="254" y="101"/>
                  </a:lnTo>
                  <a:lnTo>
                    <a:pt x="211" y="130"/>
                  </a:lnTo>
                  <a:lnTo>
                    <a:pt x="175" y="159"/>
                  </a:lnTo>
                  <a:lnTo>
                    <a:pt x="138" y="195"/>
                  </a:lnTo>
                  <a:lnTo>
                    <a:pt x="115" y="224"/>
                  </a:lnTo>
                  <a:lnTo>
                    <a:pt x="102" y="268"/>
                  </a:lnTo>
                  <a:lnTo>
                    <a:pt x="87" y="347"/>
                  </a:lnTo>
                  <a:lnTo>
                    <a:pt x="81" y="485"/>
                  </a:lnTo>
                  <a:lnTo>
                    <a:pt x="73" y="399"/>
                  </a:lnTo>
                  <a:lnTo>
                    <a:pt x="65" y="334"/>
                  </a:lnTo>
                  <a:lnTo>
                    <a:pt x="58" y="311"/>
                  </a:lnTo>
                  <a:lnTo>
                    <a:pt x="44" y="341"/>
                  </a:lnTo>
                  <a:lnTo>
                    <a:pt x="37" y="383"/>
                  </a:lnTo>
                  <a:lnTo>
                    <a:pt x="29" y="501"/>
                  </a:lnTo>
                  <a:lnTo>
                    <a:pt x="21" y="428"/>
                  </a:lnTo>
                  <a:lnTo>
                    <a:pt x="16" y="391"/>
                  </a:lnTo>
                  <a:lnTo>
                    <a:pt x="8" y="399"/>
                  </a:lnTo>
                  <a:lnTo>
                    <a:pt x="0" y="407"/>
                  </a:lnTo>
                  <a:lnTo>
                    <a:pt x="0" y="362"/>
                  </a:lnTo>
                  <a:lnTo>
                    <a:pt x="8" y="326"/>
                  </a:lnTo>
                  <a:lnTo>
                    <a:pt x="16" y="289"/>
                  </a:lnTo>
                  <a:lnTo>
                    <a:pt x="52" y="209"/>
                  </a:lnTo>
                  <a:lnTo>
                    <a:pt x="94" y="138"/>
                  </a:lnTo>
                  <a:lnTo>
                    <a:pt x="146" y="78"/>
                  </a:lnTo>
                  <a:lnTo>
                    <a:pt x="196" y="36"/>
                  </a:lnTo>
                  <a:lnTo>
                    <a:pt x="254" y="13"/>
                  </a:lnTo>
                  <a:lnTo>
                    <a:pt x="327" y="0"/>
                  </a:lnTo>
                  <a:lnTo>
                    <a:pt x="334" y="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19" name="フリーフォーム 18"/>
            <p:cNvSpPr>
              <a:spLocks/>
            </p:cNvSpPr>
            <p:nvPr/>
          </p:nvSpPr>
          <p:spPr bwMode="auto">
            <a:xfrm>
              <a:off x="7421610" y="3871493"/>
              <a:ext cx="1406859" cy="1424221"/>
            </a:xfrm>
            <a:custGeom>
              <a:avLst/>
              <a:gdLst>
                <a:gd name="T0" fmla="*/ 1276350 w 804"/>
                <a:gd name="T1" fmla="*/ 795338 h 820"/>
                <a:gd name="T2" fmla="*/ 1209675 w 804"/>
                <a:gd name="T3" fmla="*/ 449263 h 820"/>
                <a:gd name="T4" fmla="*/ 1003300 w 804"/>
                <a:gd name="T5" fmla="*/ 149225 h 820"/>
                <a:gd name="T6" fmla="*/ 828675 w 804"/>
                <a:gd name="T7" fmla="*/ 46038 h 820"/>
                <a:gd name="T8" fmla="*/ 1003300 w 804"/>
                <a:gd name="T9" fmla="*/ 241300 h 820"/>
                <a:gd name="T10" fmla="*/ 758825 w 804"/>
                <a:gd name="T11" fmla="*/ 92075 h 820"/>
                <a:gd name="T12" fmla="*/ 506413 w 804"/>
                <a:gd name="T13" fmla="*/ 46038 h 820"/>
                <a:gd name="T14" fmla="*/ 401638 w 804"/>
                <a:gd name="T15" fmla="*/ 79375 h 820"/>
                <a:gd name="T16" fmla="*/ 149225 w 804"/>
                <a:gd name="T17" fmla="*/ 220663 h 820"/>
                <a:gd name="T18" fmla="*/ 33338 w 804"/>
                <a:gd name="T19" fmla="*/ 427038 h 820"/>
                <a:gd name="T20" fmla="*/ 33338 w 804"/>
                <a:gd name="T21" fmla="*/ 817563 h 820"/>
                <a:gd name="T22" fmla="*/ 241300 w 804"/>
                <a:gd name="T23" fmla="*/ 1119188 h 820"/>
                <a:gd name="T24" fmla="*/ 206375 w 804"/>
                <a:gd name="T25" fmla="*/ 1165225 h 820"/>
                <a:gd name="T26" fmla="*/ 473075 w 804"/>
                <a:gd name="T27" fmla="*/ 1243013 h 820"/>
                <a:gd name="T28" fmla="*/ 642938 w 804"/>
                <a:gd name="T29" fmla="*/ 1255713 h 820"/>
                <a:gd name="T30" fmla="*/ 252413 w 804"/>
                <a:gd name="T31" fmla="*/ 1268413 h 820"/>
                <a:gd name="T32" fmla="*/ 539750 w 804"/>
                <a:gd name="T33" fmla="*/ 1301750 h 820"/>
                <a:gd name="T34" fmla="*/ 841375 w 804"/>
                <a:gd name="T35" fmla="*/ 1255713 h 820"/>
                <a:gd name="T36" fmla="*/ 1047750 w 804"/>
                <a:gd name="T37" fmla="*/ 1139825 h 820"/>
                <a:gd name="T38" fmla="*/ 1160463 w 804"/>
                <a:gd name="T39" fmla="*/ 977900 h 820"/>
                <a:gd name="T40" fmla="*/ 1160463 w 804"/>
                <a:gd name="T41" fmla="*/ 795338 h 820"/>
                <a:gd name="T42" fmla="*/ 1173163 w 804"/>
                <a:gd name="T43" fmla="*/ 725488 h 820"/>
                <a:gd name="T44" fmla="*/ 1219200 w 804"/>
                <a:gd name="T45" fmla="*/ 784225 h 820"/>
                <a:gd name="T46" fmla="*/ 1160463 w 804"/>
                <a:gd name="T47" fmla="*/ 635000 h 820"/>
                <a:gd name="T48" fmla="*/ 1209675 w 804"/>
                <a:gd name="T49" fmla="*/ 646113 h 820"/>
                <a:gd name="T50" fmla="*/ 1255713 w 804"/>
                <a:gd name="T51" fmla="*/ 795338 h 820"/>
                <a:gd name="T52" fmla="*/ 1231900 w 804"/>
                <a:gd name="T53" fmla="*/ 1003300 h 820"/>
                <a:gd name="T54" fmla="*/ 815975 w 804"/>
                <a:gd name="T55" fmla="*/ 887413 h 820"/>
                <a:gd name="T56" fmla="*/ 633413 w 804"/>
                <a:gd name="T57" fmla="*/ 1016000 h 820"/>
                <a:gd name="T58" fmla="*/ 344488 w 804"/>
                <a:gd name="T59" fmla="*/ 920750 h 820"/>
                <a:gd name="T60" fmla="*/ 219075 w 804"/>
                <a:gd name="T61" fmla="*/ 738188 h 820"/>
                <a:gd name="T62" fmla="*/ 206375 w 804"/>
                <a:gd name="T63" fmla="*/ 530225 h 820"/>
                <a:gd name="T64" fmla="*/ 265113 w 804"/>
                <a:gd name="T65" fmla="*/ 381000 h 820"/>
                <a:gd name="T66" fmla="*/ 473075 w 804"/>
                <a:gd name="T67" fmla="*/ 254000 h 820"/>
                <a:gd name="T68" fmla="*/ 311150 w 804"/>
                <a:gd name="T69" fmla="*/ 311150 h 820"/>
                <a:gd name="T70" fmla="*/ 182563 w 804"/>
                <a:gd name="T71" fmla="*/ 439738 h 820"/>
                <a:gd name="T72" fmla="*/ 252413 w 804"/>
                <a:gd name="T73" fmla="*/ 300038 h 820"/>
                <a:gd name="T74" fmla="*/ 434975 w 804"/>
                <a:gd name="T75" fmla="*/ 195263 h 820"/>
                <a:gd name="T76" fmla="*/ 587375 w 804"/>
                <a:gd name="T77" fmla="*/ 149225 h 820"/>
                <a:gd name="T78" fmla="*/ 493713 w 804"/>
                <a:gd name="T79" fmla="*/ 115888 h 820"/>
                <a:gd name="T80" fmla="*/ 655638 w 804"/>
                <a:gd name="T81" fmla="*/ 104775 h 820"/>
                <a:gd name="T82" fmla="*/ 758825 w 804"/>
                <a:gd name="T83" fmla="*/ 231775 h 820"/>
                <a:gd name="T84" fmla="*/ 804863 w 804"/>
                <a:gd name="T85" fmla="*/ 287338 h 820"/>
                <a:gd name="T86" fmla="*/ 758825 w 804"/>
                <a:gd name="T87" fmla="*/ 381000 h 820"/>
                <a:gd name="T88" fmla="*/ 815975 w 804"/>
                <a:gd name="T89" fmla="*/ 403225 h 820"/>
                <a:gd name="T90" fmla="*/ 862013 w 804"/>
                <a:gd name="T91" fmla="*/ 427038 h 820"/>
                <a:gd name="T92" fmla="*/ 898525 w 804"/>
                <a:gd name="T93" fmla="*/ 601663 h 820"/>
                <a:gd name="T94" fmla="*/ 0 1 256"/>
                <a:gd name="T95" fmla="*/ 0 1 256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w 804"/>
                <a:gd name="T142" fmla="*/ 0 h 820"/>
                <a:gd name="T143" fmla="*/ 0 w 804"/>
                <a:gd name="T144" fmla="*/ 0 h 820"/>
              </a:gdLst>
              <a:ahLst/>
              <a:cxnLst>
                <a:cxn ang="T94">
                  <a:pos x="T0" y="T1"/>
                </a:cxn>
                <a:cxn ang="T95">
                  <a:pos x="T2" y="T3"/>
                </a:cxn>
                <a:cxn ang="T96">
                  <a:pos x="T4" y="T5"/>
                </a:cxn>
                <a:cxn ang="T97">
                  <a:pos x="T6" y="T7"/>
                </a:cxn>
                <a:cxn ang="T98">
                  <a:pos x="T8" y="T9"/>
                </a:cxn>
                <a:cxn ang="T99">
                  <a:pos x="T10" y="T11"/>
                </a:cxn>
                <a:cxn ang="T100">
                  <a:pos x="T12" y="T13"/>
                </a:cxn>
                <a:cxn ang="T101">
                  <a:pos x="T14" y="T15"/>
                </a:cxn>
                <a:cxn ang="T102">
                  <a:pos x="T16" y="T17"/>
                </a:cxn>
                <a:cxn ang="T103">
                  <a:pos x="T18" y="T19"/>
                </a:cxn>
                <a:cxn ang="T104">
                  <a:pos x="T20" y="T21"/>
                </a:cxn>
                <a:cxn ang="T105">
                  <a:pos x="T22" y="T23"/>
                </a:cxn>
                <a:cxn ang="T106">
                  <a:pos x="T24" y="T25"/>
                </a:cxn>
                <a:cxn ang="T107">
                  <a:pos x="T26" y="T27"/>
                </a:cxn>
                <a:cxn ang="T108">
                  <a:pos x="T28" y="T29"/>
                </a:cxn>
                <a:cxn ang="T109">
                  <a:pos x="T30" y="T31"/>
                </a:cxn>
                <a:cxn ang="T110">
                  <a:pos x="T32" y="T33"/>
                </a:cxn>
                <a:cxn ang="T111">
                  <a:pos x="T34" y="T35"/>
                </a:cxn>
                <a:cxn ang="T112">
                  <a:pos x="T36" y="T37"/>
                </a:cxn>
                <a:cxn ang="T113">
                  <a:pos x="T38" y="T39"/>
                </a:cxn>
                <a:cxn ang="T114">
                  <a:pos x="T40" y="T41"/>
                </a:cxn>
                <a:cxn ang="T115">
                  <a:pos x="T42" y="T43"/>
                </a:cxn>
                <a:cxn ang="T116">
                  <a:pos x="T44" y="T45"/>
                </a:cxn>
                <a:cxn ang="T117">
                  <a:pos x="T46" y="T47"/>
                </a:cxn>
                <a:cxn ang="T118">
                  <a:pos x="T48" y="T49"/>
                </a:cxn>
                <a:cxn ang="T119">
                  <a:pos x="T50" y="T51"/>
                </a:cxn>
                <a:cxn ang="T120">
                  <a:pos x="T52" y="T53"/>
                </a:cxn>
                <a:cxn ang="T121">
                  <a:pos x="T54" y="T55"/>
                </a:cxn>
                <a:cxn ang="T122">
                  <a:pos x="T56" y="T57"/>
                </a:cxn>
                <a:cxn ang="T123">
                  <a:pos x="T58" y="T59"/>
                </a:cxn>
                <a:cxn ang="T124">
                  <a:pos x="T60" y="T61"/>
                </a:cxn>
                <a:cxn ang="T125">
                  <a:pos x="T62" y="T63"/>
                </a:cxn>
                <a:cxn ang="T126">
                  <a:pos x="T64" y="T65"/>
                </a:cxn>
                <a:cxn ang="T127">
                  <a:pos x="T66" y="T67"/>
                </a:cxn>
                <a:cxn ang="T128">
                  <a:pos x="T68" y="T69"/>
                </a:cxn>
                <a:cxn ang="T129">
                  <a:pos x="T70" y="T71"/>
                </a:cxn>
                <a:cxn ang="T130">
                  <a:pos x="T72" y="T73"/>
                </a:cxn>
                <a:cxn ang="T131">
                  <a:pos x="T74" y="T75"/>
                </a:cxn>
                <a:cxn ang="T132">
                  <a:pos x="T76" y="T77"/>
                </a:cxn>
                <a:cxn ang="T133">
                  <a:pos x="T78" y="T79"/>
                </a:cxn>
                <a:cxn ang="T134">
                  <a:pos x="T80" y="T81"/>
                </a:cxn>
                <a:cxn ang="T135">
                  <a:pos x="T82" y="T83"/>
                </a:cxn>
                <a:cxn ang="T136">
                  <a:pos x="T84" y="T85"/>
                </a:cxn>
                <a:cxn ang="T137">
                  <a:pos x="T86" y="T87"/>
                </a:cxn>
                <a:cxn ang="T138">
                  <a:pos x="T88" y="T89"/>
                </a:cxn>
                <a:cxn ang="T139">
                  <a:pos x="T90" y="T91"/>
                </a:cxn>
                <a:cxn ang="T140">
                  <a:pos x="T92" y="T93"/>
                </a:cxn>
              </a:cxnLst>
              <a:rect l="T141" t="T142" r="T143" b="T144"/>
              <a:pathLst>
                <a:path w="804" h="820">
                  <a:moveTo>
                    <a:pt x="776" y="632"/>
                  </a:moveTo>
                  <a:lnTo>
                    <a:pt x="797" y="559"/>
                  </a:lnTo>
                  <a:lnTo>
                    <a:pt x="804" y="501"/>
                  </a:lnTo>
                  <a:lnTo>
                    <a:pt x="804" y="444"/>
                  </a:lnTo>
                  <a:lnTo>
                    <a:pt x="791" y="379"/>
                  </a:lnTo>
                  <a:lnTo>
                    <a:pt x="762" y="283"/>
                  </a:lnTo>
                  <a:lnTo>
                    <a:pt x="710" y="204"/>
                  </a:lnTo>
                  <a:lnTo>
                    <a:pt x="660" y="123"/>
                  </a:lnTo>
                  <a:lnTo>
                    <a:pt x="632" y="94"/>
                  </a:lnTo>
                  <a:lnTo>
                    <a:pt x="595" y="66"/>
                  </a:lnTo>
                  <a:lnTo>
                    <a:pt x="559" y="50"/>
                  </a:lnTo>
                  <a:lnTo>
                    <a:pt x="522" y="29"/>
                  </a:lnTo>
                  <a:lnTo>
                    <a:pt x="442" y="0"/>
                  </a:lnTo>
                  <a:lnTo>
                    <a:pt x="543" y="73"/>
                  </a:lnTo>
                  <a:lnTo>
                    <a:pt x="632" y="152"/>
                  </a:lnTo>
                  <a:lnTo>
                    <a:pt x="551" y="102"/>
                  </a:lnTo>
                  <a:lnTo>
                    <a:pt x="478" y="50"/>
                  </a:lnTo>
                  <a:lnTo>
                    <a:pt x="478" y="58"/>
                  </a:lnTo>
                  <a:lnTo>
                    <a:pt x="478" y="73"/>
                  </a:lnTo>
                  <a:lnTo>
                    <a:pt x="376" y="45"/>
                  </a:lnTo>
                  <a:lnTo>
                    <a:pt x="319" y="29"/>
                  </a:lnTo>
                  <a:lnTo>
                    <a:pt x="246" y="29"/>
                  </a:lnTo>
                  <a:lnTo>
                    <a:pt x="246" y="45"/>
                  </a:lnTo>
                  <a:lnTo>
                    <a:pt x="253" y="50"/>
                  </a:lnTo>
                  <a:lnTo>
                    <a:pt x="188" y="81"/>
                  </a:lnTo>
                  <a:lnTo>
                    <a:pt x="138" y="102"/>
                  </a:lnTo>
                  <a:lnTo>
                    <a:pt x="94" y="139"/>
                  </a:lnTo>
                  <a:lnTo>
                    <a:pt x="58" y="189"/>
                  </a:lnTo>
                  <a:lnTo>
                    <a:pt x="36" y="233"/>
                  </a:lnTo>
                  <a:lnTo>
                    <a:pt x="21" y="269"/>
                  </a:lnTo>
                  <a:lnTo>
                    <a:pt x="0" y="348"/>
                  </a:lnTo>
                  <a:lnTo>
                    <a:pt x="0" y="436"/>
                  </a:lnTo>
                  <a:lnTo>
                    <a:pt x="21" y="515"/>
                  </a:lnTo>
                  <a:lnTo>
                    <a:pt x="50" y="588"/>
                  </a:lnTo>
                  <a:lnTo>
                    <a:pt x="102" y="653"/>
                  </a:lnTo>
                  <a:lnTo>
                    <a:pt x="152" y="705"/>
                  </a:lnTo>
                  <a:lnTo>
                    <a:pt x="217" y="741"/>
                  </a:lnTo>
                  <a:lnTo>
                    <a:pt x="180" y="741"/>
                  </a:lnTo>
                  <a:lnTo>
                    <a:pt x="130" y="734"/>
                  </a:lnTo>
                  <a:lnTo>
                    <a:pt x="175" y="755"/>
                  </a:lnTo>
                  <a:lnTo>
                    <a:pt x="217" y="770"/>
                  </a:lnTo>
                  <a:lnTo>
                    <a:pt x="298" y="783"/>
                  </a:lnTo>
                  <a:lnTo>
                    <a:pt x="370" y="783"/>
                  </a:lnTo>
                  <a:lnTo>
                    <a:pt x="457" y="770"/>
                  </a:lnTo>
                  <a:lnTo>
                    <a:pt x="405" y="791"/>
                  </a:lnTo>
                  <a:lnTo>
                    <a:pt x="355" y="806"/>
                  </a:lnTo>
                  <a:lnTo>
                    <a:pt x="274" y="806"/>
                  </a:lnTo>
                  <a:lnTo>
                    <a:pt x="159" y="799"/>
                  </a:lnTo>
                  <a:lnTo>
                    <a:pt x="196" y="814"/>
                  </a:lnTo>
                  <a:lnTo>
                    <a:pt x="240" y="820"/>
                  </a:lnTo>
                  <a:lnTo>
                    <a:pt x="340" y="820"/>
                  </a:lnTo>
                  <a:lnTo>
                    <a:pt x="405" y="820"/>
                  </a:lnTo>
                  <a:lnTo>
                    <a:pt x="470" y="806"/>
                  </a:lnTo>
                  <a:lnTo>
                    <a:pt x="530" y="791"/>
                  </a:lnTo>
                  <a:lnTo>
                    <a:pt x="572" y="770"/>
                  </a:lnTo>
                  <a:lnTo>
                    <a:pt x="624" y="755"/>
                  </a:lnTo>
                  <a:lnTo>
                    <a:pt x="660" y="718"/>
                  </a:lnTo>
                  <a:lnTo>
                    <a:pt x="697" y="682"/>
                  </a:lnTo>
                  <a:lnTo>
                    <a:pt x="726" y="640"/>
                  </a:lnTo>
                  <a:lnTo>
                    <a:pt x="731" y="616"/>
                  </a:lnTo>
                  <a:lnTo>
                    <a:pt x="739" y="574"/>
                  </a:lnTo>
                  <a:lnTo>
                    <a:pt x="739" y="522"/>
                  </a:lnTo>
                  <a:lnTo>
                    <a:pt x="731" y="501"/>
                  </a:lnTo>
                  <a:lnTo>
                    <a:pt x="726" y="480"/>
                  </a:lnTo>
                  <a:lnTo>
                    <a:pt x="726" y="450"/>
                  </a:lnTo>
                  <a:lnTo>
                    <a:pt x="739" y="457"/>
                  </a:lnTo>
                  <a:lnTo>
                    <a:pt x="747" y="465"/>
                  </a:lnTo>
                  <a:lnTo>
                    <a:pt x="762" y="538"/>
                  </a:lnTo>
                  <a:lnTo>
                    <a:pt x="768" y="494"/>
                  </a:lnTo>
                  <a:lnTo>
                    <a:pt x="762" y="450"/>
                  </a:lnTo>
                  <a:lnTo>
                    <a:pt x="747" y="421"/>
                  </a:lnTo>
                  <a:lnTo>
                    <a:pt x="731" y="400"/>
                  </a:lnTo>
                  <a:lnTo>
                    <a:pt x="731" y="392"/>
                  </a:lnTo>
                  <a:lnTo>
                    <a:pt x="739" y="400"/>
                  </a:lnTo>
                  <a:lnTo>
                    <a:pt x="762" y="407"/>
                  </a:lnTo>
                  <a:lnTo>
                    <a:pt x="768" y="421"/>
                  </a:lnTo>
                  <a:lnTo>
                    <a:pt x="783" y="457"/>
                  </a:lnTo>
                  <a:lnTo>
                    <a:pt x="791" y="501"/>
                  </a:lnTo>
                  <a:lnTo>
                    <a:pt x="783" y="545"/>
                  </a:lnTo>
                  <a:lnTo>
                    <a:pt x="783" y="632"/>
                  </a:lnTo>
                  <a:lnTo>
                    <a:pt x="776" y="632"/>
                  </a:lnTo>
                  <a:lnTo>
                    <a:pt x="559" y="421"/>
                  </a:lnTo>
                  <a:lnTo>
                    <a:pt x="543" y="501"/>
                  </a:lnTo>
                  <a:lnTo>
                    <a:pt x="514" y="559"/>
                  </a:lnTo>
                  <a:lnTo>
                    <a:pt x="501" y="580"/>
                  </a:lnTo>
                  <a:lnTo>
                    <a:pt x="470" y="603"/>
                  </a:lnTo>
                  <a:lnTo>
                    <a:pt x="399" y="640"/>
                  </a:lnTo>
                  <a:lnTo>
                    <a:pt x="334" y="632"/>
                  </a:lnTo>
                  <a:lnTo>
                    <a:pt x="269" y="611"/>
                  </a:lnTo>
                  <a:lnTo>
                    <a:pt x="217" y="580"/>
                  </a:lnTo>
                  <a:lnTo>
                    <a:pt x="180" y="545"/>
                  </a:lnTo>
                  <a:lnTo>
                    <a:pt x="159" y="501"/>
                  </a:lnTo>
                  <a:lnTo>
                    <a:pt x="138" y="465"/>
                  </a:lnTo>
                  <a:lnTo>
                    <a:pt x="130" y="428"/>
                  </a:lnTo>
                  <a:lnTo>
                    <a:pt x="130" y="392"/>
                  </a:lnTo>
                  <a:lnTo>
                    <a:pt x="130" y="334"/>
                  </a:lnTo>
                  <a:lnTo>
                    <a:pt x="138" y="298"/>
                  </a:lnTo>
                  <a:lnTo>
                    <a:pt x="152" y="261"/>
                  </a:lnTo>
                  <a:lnTo>
                    <a:pt x="167" y="240"/>
                  </a:lnTo>
                  <a:lnTo>
                    <a:pt x="217" y="204"/>
                  </a:lnTo>
                  <a:lnTo>
                    <a:pt x="282" y="160"/>
                  </a:lnTo>
                  <a:lnTo>
                    <a:pt x="298" y="160"/>
                  </a:lnTo>
                  <a:lnTo>
                    <a:pt x="298" y="152"/>
                  </a:lnTo>
                  <a:lnTo>
                    <a:pt x="240" y="167"/>
                  </a:lnTo>
                  <a:lnTo>
                    <a:pt x="196" y="196"/>
                  </a:lnTo>
                  <a:lnTo>
                    <a:pt x="152" y="233"/>
                  </a:lnTo>
                  <a:lnTo>
                    <a:pt x="115" y="269"/>
                  </a:lnTo>
                  <a:lnTo>
                    <a:pt x="115" y="277"/>
                  </a:lnTo>
                  <a:lnTo>
                    <a:pt x="109" y="277"/>
                  </a:lnTo>
                  <a:lnTo>
                    <a:pt x="130" y="233"/>
                  </a:lnTo>
                  <a:lnTo>
                    <a:pt x="159" y="189"/>
                  </a:lnTo>
                  <a:lnTo>
                    <a:pt x="196" y="160"/>
                  </a:lnTo>
                  <a:lnTo>
                    <a:pt x="240" y="139"/>
                  </a:lnTo>
                  <a:lnTo>
                    <a:pt x="274" y="123"/>
                  </a:lnTo>
                  <a:lnTo>
                    <a:pt x="319" y="110"/>
                  </a:lnTo>
                  <a:lnTo>
                    <a:pt x="376" y="102"/>
                  </a:lnTo>
                  <a:lnTo>
                    <a:pt x="370" y="94"/>
                  </a:lnTo>
                  <a:lnTo>
                    <a:pt x="347" y="87"/>
                  </a:lnTo>
                  <a:lnTo>
                    <a:pt x="326" y="81"/>
                  </a:lnTo>
                  <a:lnTo>
                    <a:pt x="311" y="73"/>
                  </a:lnTo>
                  <a:lnTo>
                    <a:pt x="340" y="66"/>
                  </a:lnTo>
                  <a:lnTo>
                    <a:pt x="370" y="58"/>
                  </a:lnTo>
                  <a:lnTo>
                    <a:pt x="413" y="66"/>
                  </a:lnTo>
                  <a:lnTo>
                    <a:pt x="493" y="94"/>
                  </a:lnTo>
                  <a:lnTo>
                    <a:pt x="486" y="123"/>
                  </a:lnTo>
                  <a:lnTo>
                    <a:pt x="478" y="146"/>
                  </a:lnTo>
                  <a:lnTo>
                    <a:pt x="478" y="181"/>
                  </a:lnTo>
                  <a:lnTo>
                    <a:pt x="501" y="175"/>
                  </a:lnTo>
                  <a:lnTo>
                    <a:pt x="507" y="181"/>
                  </a:lnTo>
                  <a:lnTo>
                    <a:pt x="478" y="212"/>
                  </a:lnTo>
                  <a:lnTo>
                    <a:pt x="449" y="233"/>
                  </a:lnTo>
                  <a:lnTo>
                    <a:pt x="478" y="240"/>
                  </a:lnTo>
                  <a:lnTo>
                    <a:pt x="501" y="240"/>
                  </a:lnTo>
                  <a:lnTo>
                    <a:pt x="514" y="248"/>
                  </a:lnTo>
                  <a:lnTo>
                    <a:pt x="514" y="254"/>
                  </a:lnTo>
                  <a:lnTo>
                    <a:pt x="522" y="261"/>
                  </a:lnTo>
                  <a:lnTo>
                    <a:pt x="530" y="261"/>
                  </a:lnTo>
                  <a:lnTo>
                    <a:pt x="543" y="269"/>
                  </a:lnTo>
                  <a:lnTo>
                    <a:pt x="551" y="290"/>
                  </a:lnTo>
                  <a:lnTo>
                    <a:pt x="566" y="327"/>
                  </a:lnTo>
                  <a:lnTo>
                    <a:pt x="566" y="379"/>
                  </a:lnTo>
                  <a:lnTo>
                    <a:pt x="559" y="421"/>
                  </a:lnTo>
                  <a:lnTo>
                    <a:pt x="776" y="632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20" name="フリーフォーム 19"/>
            <p:cNvSpPr>
              <a:spLocks/>
            </p:cNvSpPr>
            <p:nvPr/>
          </p:nvSpPr>
          <p:spPr bwMode="auto">
            <a:xfrm>
              <a:off x="7358082" y="4714884"/>
              <a:ext cx="251974" cy="453319"/>
            </a:xfrm>
            <a:custGeom>
              <a:avLst/>
              <a:gdLst>
                <a:gd name="T0" fmla="*/ 0 w 144"/>
                <a:gd name="T1" fmla="*/ 0 h 261"/>
                <a:gd name="T2" fmla="*/ 66675 w 144"/>
                <a:gd name="T3" fmla="*/ 149225 h 261"/>
                <a:gd name="T4" fmla="*/ 138113 w 144"/>
                <a:gd name="T5" fmla="*/ 274638 h 261"/>
                <a:gd name="T6" fmla="*/ 207963 w 144"/>
                <a:gd name="T7" fmla="*/ 357188 h 261"/>
                <a:gd name="T8" fmla="*/ 228600 w 144"/>
                <a:gd name="T9" fmla="*/ 414338 h 261"/>
                <a:gd name="T10" fmla="*/ 125413 w 144"/>
                <a:gd name="T11" fmla="*/ 331788 h 261"/>
                <a:gd name="T12" fmla="*/ 92075 w 144"/>
                <a:gd name="T13" fmla="*/ 274638 h 261"/>
                <a:gd name="T14" fmla="*/ 46038 w 144"/>
                <a:gd name="T15" fmla="*/ 195263 h 261"/>
                <a:gd name="T16" fmla="*/ 12700 w 144"/>
                <a:gd name="T17" fmla="*/ 103188 h 261"/>
                <a:gd name="T18" fmla="*/ 12700 w 144"/>
                <a:gd name="T19" fmla="*/ 0 h 261"/>
                <a:gd name="T20" fmla="*/ 0 w 144"/>
                <a:gd name="T21" fmla="*/ 0 h 261"/>
                <a:gd name="T22" fmla="*/ 0 1 256"/>
                <a:gd name="T23" fmla="*/ 0 1 256"/>
                <a:gd name="T24" fmla="*/ 0 1 256"/>
                <a:gd name="T25" fmla="*/ 0 1 256"/>
                <a:gd name="T26" fmla="*/ 0 1 256"/>
                <a:gd name="T27" fmla="*/ 0 1 256"/>
                <a:gd name="T28" fmla="*/ 0 1 256"/>
                <a:gd name="T29" fmla="*/ 0 1 256"/>
                <a:gd name="T30" fmla="*/ 0 1 256"/>
                <a:gd name="T31" fmla="*/ 0 1 256"/>
                <a:gd name="T32" fmla="*/ 0 1 256"/>
                <a:gd name="T33" fmla="*/ 0 w 144"/>
                <a:gd name="T34" fmla="*/ 0 h 261"/>
                <a:gd name="T35" fmla="*/ 0 w 144"/>
                <a:gd name="T36" fmla="*/ 0 h 261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T33" t="T34" r="T35" b="T36"/>
              <a:pathLst>
                <a:path w="144" h="261">
                  <a:moveTo>
                    <a:pt x="0" y="0"/>
                  </a:moveTo>
                  <a:lnTo>
                    <a:pt x="42" y="94"/>
                  </a:lnTo>
                  <a:lnTo>
                    <a:pt x="87" y="173"/>
                  </a:lnTo>
                  <a:lnTo>
                    <a:pt x="131" y="225"/>
                  </a:lnTo>
                  <a:lnTo>
                    <a:pt x="144" y="261"/>
                  </a:lnTo>
                  <a:lnTo>
                    <a:pt x="79" y="209"/>
                  </a:lnTo>
                  <a:lnTo>
                    <a:pt x="58" y="173"/>
                  </a:lnTo>
                  <a:lnTo>
                    <a:pt x="29" y="123"/>
                  </a:lnTo>
                  <a:lnTo>
                    <a:pt x="8" y="65"/>
                  </a:lnTo>
                  <a:lnTo>
                    <a:pt x="8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428612"/>
            <a:ext cx="8229600" cy="1143000"/>
          </a:xfrm>
        </p:spPr>
        <p:txBody>
          <a:bodyPr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>
          <a:xfrm>
            <a:off x="457200" y="1601169"/>
            <a:ext cx="8229600" cy="4687200"/>
          </a:xfrm>
        </p:spPr>
        <p:txBody>
          <a:bodyPr vert="eaVert"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31" name="日付プレースホルダ 30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36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32" name="フッター プレースホルダ 31"/>
          <p:cNvSpPr>
            <a:spLocks noGrp="1"/>
          </p:cNvSpPr>
          <p:nvPr>
            <p:ph type="ftr" sz="quarter" idx="11"/>
          </p:nvPr>
        </p:nvSpPr>
        <p:spPr>
          <a:xfrm>
            <a:off x="2199600" y="0"/>
            <a:ext cx="4500000" cy="361347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33" name="スライド番号プレースホルダ 32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6629400" y="500045"/>
            <a:ext cx="2057400" cy="5929352"/>
          </a:xfrm>
        </p:spPr>
        <p:txBody>
          <a:bodyPr vert="eaVert"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>
          <a:xfrm>
            <a:off x="455556" y="500044"/>
            <a:ext cx="6019800" cy="5929353"/>
          </a:xfrm>
        </p:spPr>
        <p:txBody>
          <a:bodyPr vert="eaVert"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24" name="日付プレースホルダ 23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36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25" name="フッター プレースホルダ 24"/>
          <p:cNvSpPr>
            <a:spLocks noGrp="1"/>
          </p:cNvSpPr>
          <p:nvPr>
            <p:ph type="ftr" sz="quarter" idx="11"/>
          </p:nvPr>
        </p:nvSpPr>
        <p:spPr>
          <a:xfrm>
            <a:off x="2199600" y="0"/>
            <a:ext cx="4500000" cy="361347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26" name="スライド番号プレースホルダ 25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28596" y="428604"/>
            <a:ext cx="8229600" cy="1143000"/>
          </a:xfrm>
        </p:spPr>
        <p:txBody>
          <a:bodyPr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>
          <a:xfrm>
            <a:off x="428596" y="1614477"/>
            <a:ext cx="8229600" cy="4687200"/>
          </a:xfrm>
        </p:spPr>
        <p:txBody>
          <a:bodyPr/>
          <a:lstStyle/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36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>
          <a:xfrm>
            <a:off x="2199599" y="0"/>
            <a:ext cx="4500000" cy="360000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セクション見出し"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82544" y="269874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482544" y="1176322"/>
            <a:ext cx="7772400" cy="1500187"/>
          </a:xfrm>
        </p:spPr>
        <p:txBody>
          <a:bodyPr anchor="b"/>
          <a:lstStyle>
            <a:lvl1pPr marL="0" indent="0">
              <a:buNone/>
              <a:defRPr sz="2000" baseline="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2"/>
                </a:solidFill>
              </a:defRPr>
            </a:lvl2pPr>
            <a:lvl3pPr marL="914400" indent="0">
              <a:buNone/>
              <a:defRPr sz="1600">
                <a:solidFill>
                  <a:schemeClr val="tx2"/>
                </a:solidFill>
              </a:defRPr>
            </a:lvl3pPr>
            <a:lvl4pPr marL="1371600" indent="0">
              <a:buNone/>
              <a:defRPr sz="1400">
                <a:solidFill>
                  <a:schemeClr val="tx2"/>
                </a:solidFill>
              </a:defRPr>
            </a:lvl4pPr>
            <a:lvl5pPr marL="1828800" indent="0">
              <a:buNone/>
              <a:defRPr sz="1400">
                <a:solidFill>
                  <a:schemeClr val="tx2"/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36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>
          <a:xfrm>
            <a:off x="2199600" y="0"/>
            <a:ext cx="4500000" cy="360000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grpSp>
        <p:nvGrpSpPr>
          <p:cNvPr id="7" name="グループ化 6"/>
          <p:cNvGrpSpPr>
            <a:grpSpLocks/>
          </p:cNvGrpSpPr>
          <p:nvPr/>
        </p:nvGrpSpPr>
        <p:grpSpPr bwMode="auto">
          <a:xfrm>
            <a:off x="-16016" y="0"/>
            <a:ext cx="9144000" cy="6858024"/>
            <a:chOff x="-129" y="-42"/>
            <a:chExt cx="6177" cy="4355"/>
          </a:xfrm>
        </p:grpSpPr>
        <p:sp>
          <p:nvSpPr>
            <p:cNvPr id="24" name="フリーフォーム 23"/>
            <p:cNvSpPr>
              <a:spLocks/>
            </p:cNvSpPr>
            <p:nvPr/>
          </p:nvSpPr>
          <p:spPr bwMode="auto">
            <a:xfrm>
              <a:off x="-122" y="-42"/>
              <a:ext cx="5811" cy="4091"/>
            </a:xfrm>
            <a:custGeom>
              <a:avLst/>
              <a:gdLst/>
              <a:ahLst/>
              <a:cxnLst>
                <a:cxn ang="0">
                  <a:pos x="0" y="4069"/>
                </a:cxn>
                <a:cxn ang="0">
                  <a:pos x="161" y="4084"/>
                </a:cxn>
                <a:cxn ang="0">
                  <a:pos x="344" y="4084"/>
                </a:cxn>
                <a:cxn ang="0">
                  <a:pos x="593" y="4091"/>
                </a:cxn>
                <a:cxn ang="0">
                  <a:pos x="893" y="4084"/>
                </a:cxn>
                <a:cxn ang="0">
                  <a:pos x="1230" y="4069"/>
                </a:cxn>
                <a:cxn ang="0">
                  <a:pos x="1588" y="4033"/>
                </a:cxn>
                <a:cxn ang="0">
                  <a:pos x="1991" y="3996"/>
                </a:cxn>
                <a:cxn ang="0">
                  <a:pos x="2196" y="3959"/>
                </a:cxn>
                <a:cxn ang="0">
                  <a:pos x="2408" y="3923"/>
                </a:cxn>
                <a:cxn ang="0">
                  <a:pos x="2613" y="3879"/>
                </a:cxn>
                <a:cxn ang="0">
                  <a:pos x="2832" y="3828"/>
                </a:cxn>
                <a:cxn ang="0">
                  <a:pos x="3052" y="3776"/>
                </a:cxn>
                <a:cxn ang="0">
                  <a:pos x="3257" y="3718"/>
                </a:cxn>
                <a:cxn ang="0">
                  <a:pos x="3469" y="3645"/>
                </a:cxn>
                <a:cxn ang="0">
                  <a:pos x="3681" y="3572"/>
                </a:cxn>
                <a:cxn ang="0">
                  <a:pos x="3886" y="3484"/>
                </a:cxn>
                <a:cxn ang="0">
                  <a:pos x="4084" y="3381"/>
                </a:cxn>
                <a:cxn ang="0">
                  <a:pos x="4274" y="3279"/>
                </a:cxn>
                <a:cxn ang="0">
                  <a:pos x="4465" y="3169"/>
                </a:cxn>
                <a:cxn ang="0">
                  <a:pos x="4648" y="3037"/>
                </a:cxn>
                <a:cxn ang="0">
                  <a:pos x="4816" y="2898"/>
                </a:cxn>
                <a:cxn ang="0">
                  <a:pos x="4970" y="2759"/>
                </a:cxn>
                <a:cxn ang="0">
                  <a:pos x="5123" y="2591"/>
                </a:cxn>
                <a:cxn ang="0">
                  <a:pos x="5189" y="2510"/>
                </a:cxn>
                <a:cxn ang="0">
                  <a:pos x="5262" y="2415"/>
                </a:cxn>
                <a:cxn ang="0">
                  <a:pos x="5350" y="2269"/>
                </a:cxn>
                <a:cxn ang="0">
                  <a:pos x="5453" y="2093"/>
                </a:cxn>
                <a:cxn ang="0">
                  <a:pos x="5555" y="1873"/>
                </a:cxn>
                <a:cxn ang="0">
                  <a:pos x="5606" y="1756"/>
                </a:cxn>
                <a:cxn ang="0">
                  <a:pos x="5658" y="1625"/>
                </a:cxn>
                <a:cxn ang="0">
                  <a:pos x="5709" y="1485"/>
                </a:cxn>
                <a:cxn ang="0">
                  <a:pos x="5745" y="1332"/>
                </a:cxn>
                <a:cxn ang="0">
                  <a:pos x="5775" y="1207"/>
                </a:cxn>
                <a:cxn ang="0">
                  <a:pos x="5789" y="1068"/>
                </a:cxn>
                <a:cxn ang="0">
                  <a:pos x="5804" y="893"/>
                </a:cxn>
                <a:cxn ang="0">
                  <a:pos x="5811" y="790"/>
                </a:cxn>
                <a:cxn ang="0">
                  <a:pos x="5804" y="695"/>
                </a:cxn>
                <a:cxn ang="0">
                  <a:pos x="5797" y="578"/>
                </a:cxn>
                <a:cxn ang="0">
                  <a:pos x="5782" y="461"/>
                </a:cxn>
                <a:cxn ang="0">
                  <a:pos x="5760" y="344"/>
                </a:cxn>
                <a:cxn ang="0">
                  <a:pos x="5738" y="227"/>
                </a:cxn>
                <a:cxn ang="0">
                  <a:pos x="5694" y="109"/>
                </a:cxn>
                <a:cxn ang="0">
                  <a:pos x="5643" y="0"/>
                </a:cxn>
              </a:cxnLst>
              <a:rect l="0" t="0" r="0" b="0"/>
              <a:pathLst>
                <a:path w="5811" h="4091">
                  <a:moveTo>
                    <a:pt x="0" y="4069"/>
                  </a:moveTo>
                  <a:lnTo>
                    <a:pt x="161" y="4084"/>
                  </a:lnTo>
                  <a:lnTo>
                    <a:pt x="344" y="4084"/>
                  </a:lnTo>
                  <a:lnTo>
                    <a:pt x="593" y="4091"/>
                  </a:lnTo>
                  <a:lnTo>
                    <a:pt x="893" y="4084"/>
                  </a:lnTo>
                  <a:lnTo>
                    <a:pt x="1230" y="4069"/>
                  </a:lnTo>
                  <a:lnTo>
                    <a:pt x="1588" y="4033"/>
                  </a:lnTo>
                  <a:lnTo>
                    <a:pt x="1991" y="3996"/>
                  </a:lnTo>
                  <a:lnTo>
                    <a:pt x="2196" y="3959"/>
                  </a:lnTo>
                  <a:lnTo>
                    <a:pt x="2408" y="3923"/>
                  </a:lnTo>
                  <a:lnTo>
                    <a:pt x="2613" y="3879"/>
                  </a:lnTo>
                  <a:lnTo>
                    <a:pt x="2832" y="3828"/>
                  </a:lnTo>
                  <a:lnTo>
                    <a:pt x="3052" y="3776"/>
                  </a:lnTo>
                  <a:lnTo>
                    <a:pt x="3257" y="3718"/>
                  </a:lnTo>
                  <a:lnTo>
                    <a:pt x="3469" y="3645"/>
                  </a:lnTo>
                  <a:lnTo>
                    <a:pt x="3681" y="3572"/>
                  </a:lnTo>
                  <a:lnTo>
                    <a:pt x="3886" y="3484"/>
                  </a:lnTo>
                  <a:lnTo>
                    <a:pt x="4084" y="3381"/>
                  </a:lnTo>
                  <a:lnTo>
                    <a:pt x="4274" y="3279"/>
                  </a:lnTo>
                  <a:lnTo>
                    <a:pt x="4465" y="3169"/>
                  </a:lnTo>
                  <a:lnTo>
                    <a:pt x="4648" y="3037"/>
                  </a:lnTo>
                  <a:lnTo>
                    <a:pt x="4816" y="2898"/>
                  </a:lnTo>
                  <a:lnTo>
                    <a:pt x="4970" y="2759"/>
                  </a:lnTo>
                  <a:lnTo>
                    <a:pt x="5123" y="2591"/>
                  </a:lnTo>
                  <a:lnTo>
                    <a:pt x="5189" y="2510"/>
                  </a:lnTo>
                  <a:lnTo>
                    <a:pt x="5262" y="2415"/>
                  </a:lnTo>
                  <a:lnTo>
                    <a:pt x="5350" y="2269"/>
                  </a:lnTo>
                  <a:lnTo>
                    <a:pt x="5453" y="2093"/>
                  </a:lnTo>
                  <a:lnTo>
                    <a:pt x="5555" y="1873"/>
                  </a:lnTo>
                  <a:lnTo>
                    <a:pt x="5606" y="1756"/>
                  </a:lnTo>
                  <a:lnTo>
                    <a:pt x="5658" y="1625"/>
                  </a:lnTo>
                  <a:lnTo>
                    <a:pt x="5709" y="1485"/>
                  </a:lnTo>
                  <a:lnTo>
                    <a:pt x="5745" y="1332"/>
                  </a:lnTo>
                  <a:lnTo>
                    <a:pt x="5775" y="1207"/>
                  </a:lnTo>
                  <a:lnTo>
                    <a:pt x="5789" y="1068"/>
                  </a:lnTo>
                  <a:lnTo>
                    <a:pt x="5804" y="893"/>
                  </a:lnTo>
                  <a:lnTo>
                    <a:pt x="5811" y="790"/>
                  </a:lnTo>
                  <a:lnTo>
                    <a:pt x="5804" y="695"/>
                  </a:lnTo>
                  <a:lnTo>
                    <a:pt x="5797" y="578"/>
                  </a:lnTo>
                  <a:lnTo>
                    <a:pt x="5782" y="461"/>
                  </a:lnTo>
                  <a:lnTo>
                    <a:pt x="5760" y="344"/>
                  </a:lnTo>
                  <a:lnTo>
                    <a:pt x="5738" y="227"/>
                  </a:lnTo>
                  <a:lnTo>
                    <a:pt x="5694" y="109"/>
                  </a:lnTo>
                  <a:lnTo>
                    <a:pt x="5643" y="0"/>
                  </a:lnTo>
                </a:path>
              </a:pathLst>
            </a:custGeom>
            <a:noFill/>
            <a:ln w="3175" cap="flat" cmpd="sng" algn="ctr">
              <a:solidFill>
                <a:schemeClr val="accent1">
                  <a:lumMod val="60000"/>
                  <a:lumOff val="40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25" name="フリーフォーム 24"/>
            <p:cNvSpPr>
              <a:spLocks/>
            </p:cNvSpPr>
            <p:nvPr/>
          </p:nvSpPr>
          <p:spPr bwMode="auto">
            <a:xfrm>
              <a:off x="-129" y="-42"/>
              <a:ext cx="6177" cy="4245"/>
            </a:xfrm>
            <a:custGeom>
              <a:avLst/>
              <a:gdLst/>
              <a:ahLst/>
              <a:cxnLst>
                <a:cxn ang="0">
                  <a:pos x="0" y="4238"/>
                </a:cxn>
                <a:cxn ang="0">
                  <a:pos x="161" y="4245"/>
                </a:cxn>
                <a:cxn ang="0">
                  <a:pos x="607" y="4245"/>
                </a:cxn>
                <a:cxn ang="0">
                  <a:pos x="915" y="4238"/>
                </a:cxn>
                <a:cxn ang="0">
                  <a:pos x="1266" y="4223"/>
                </a:cxn>
                <a:cxn ang="0">
                  <a:pos x="1632" y="4208"/>
                </a:cxn>
                <a:cxn ang="0">
                  <a:pos x="2034" y="4172"/>
                </a:cxn>
                <a:cxn ang="0">
                  <a:pos x="2459" y="4135"/>
                </a:cxn>
                <a:cxn ang="0">
                  <a:pos x="2891" y="4069"/>
                </a:cxn>
                <a:cxn ang="0">
                  <a:pos x="3096" y="4033"/>
                </a:cxn>
                <a:cxn ang="0">
                  <a:pos x="3308" y="4003"/>
                </a:cxn>
                <a:cxn ang="0">
                  <a:pos x="3513" y="3952"/>
                </a:cxn>
                <a:cxn ang="0">
                  <a:pos x="3718" y="3901"/>
                </a:cxn>
                <a:cxn ang="0">
                  <a:pos x="3915" y="3850"/>
                </a:cxn>
                <a:cxn ang="0">
                  <a:pos x="4098" y="3791"/>
                </a:cxn>
                <a:cxn ang="0">
                  <a:pos x="4289" y="3725"/>
                </a:cxn>
                <a:cxn ang="0">
                  <a:pos x="4464" y="3652"/>
                </a:cxn>
                <a:cxn ang="0">
                  <a:pos x="4625" y="3586"/>
                </a:cxn>
                <a:cxn ang="0">
                  <a:pos x="4779" y="3498"/>
                </a:cxn>
                <a:cxn ang="0">
                  <a:pos x="4925" y="3410"/>
                </a:cxn>
                <a:cxn ang="0">
                  <a:pos x="5050" y="3308"/>
                </a:cxn>
                <a:cxn ang="0">
                  <a:pos x="5094" y="3271"/>
                </a:cxn>
                <a:cxn ang="0">
                  <a:pos x="5204" y="3154"/>
                </a:cxn>
                <a:cxn ang="0">
                  <a:pos x="5372" y="2971"/>
                </a:cxn>
                <a:cxn ang="0">
                  <a:pos x="5467" y="2862"/>
                </a:cxn>
                <a:cxn ang="0">
                  <a:pos x="5562" y="2722"/>
                </a:cxn>
                <a:cxn ang="0">
                  <a:pos x="5665" y="2583"/>
                </a:cxn>
                <a:cxn ang="0">
                  <a:pos x="5760" y="2422"/>
                </a:cxn>
                <a:cxn ang="0">
                  <a:pos x="5855" y="2247"/>
                </a:cxn>
                <a:cxn ang="0">
                  <a:pos x="5943" y="2071"/>
                </a:cxn>
                <a:cxn ang="0">
                  <a:pos x="6023" y="1881"/>
                </a:cxn>
                <a:cxn ang="0">
                  <a:pos x="6089" y="1683"/>
                </a:cxn>
                <a:cxn ang="0">
                  <a:pos x="6118" y="1573"/>
                </a:cxn>
                <a:cxn ang="0">
                  <a:pos x="6140" y="1471"/>
                </a:cxn>
                <a:cxn ang="0">
                  <a:pos x="6162" y="1361"/>
                </a:cxn>
                <a:cxn ang="0">
                  <a:pos x="6170" y="1244"/>
                </a:cxn>
                <a:cxn ang="0">
                  <a:pos x="6177" y="1105"/>
                </a:cxn>
                <a:cxn ang="0">
                  <a:pos x="6177" y="944"/>
                </a:cxn>
                <a:cxn ang="0">
                  <a:pos x="6170" y="754"/>
                </a:cxn>
                <a:cxn ang="0">
                  <a:pos x="6155" y="658"/>
                </a:cxn>
                <a:cxn ang="0">
                  <a:pos x="6133" y="549"/>
                </a:cxn>
                <a:cxn ang="0">
                  <a:pos x="6104" y="446"/>
                </a:cxn>
                <a:cxn ang="0">
                  <a:pos x="6075" y="344"/>
                </a:cxn>
                <a:cxn ang="0">
                  <a:pos x="6031" y="241"/>
                </a:cxn>
                <a:cxn ang="0">
                  <a:pos x="5987" y="153"/>
                </a:cxn>
                <a:cxn ang="0">
                  <a:pos x="5928" y="73"/>
                </a:cxn>
                <a:cxn ang="0">
                  <a:pos x="5862" y="0"/>
                </a:cxn>
              </a:cxnLst>
              <a:rect l="0" t="0" r="0" b="0"/>
              <a:pathLst>
                <a:path w="6177" h="4245">
                  <a:moveTo>
                    <a:pt x="0" y="4238"/>
                  </a:moveTo>
                  <a:lnTo>
                    <a:pt x="161" y="4245"/>
                  </a:lnTo>
                  <a:lnTo>
                    <a:pt x="607" y="4245"/>
                  </a:lnTo>
                  <a:lnTo>
                    <a:pt x="915" y="4238"/>
                  </a:lnTo>
                  <a:lnTo>
                    <a:pt x="1266" y="4223"/>
                  </a:lnTo>
                  <a:lnTo>
                    <a:pt x="1632" y="4208"/>
                  </a:lnTo>
                  <a:lnTo>
                    <a:pt x="2034" y="4172"/>
                  </a:lnTo>
                  <a:lnTo>
                    <a:pt x="2459" y="4135"/>
                  </a:lnTo>
                  <a:lnTo>
                    <a:pt x="2891" y="4069"/>
                  </a:lnTo>
                  <a:lnTo>
                    <a:pt x="3096" y="4033"/>
                  </a:lnTo>
                  <a:lnTo>
                    <a:pt x="3308" y="4003"/>
                  </a:lnTo>
                  <a:lnTo>
                    <a:pt x="3513" y="3952"/>
                  </a:lnTo>
                  <a:lnTo>
                    <a:pt x="3718" y="3901"/>
                  </a:lnTo>
                  <a:lnTo>
                    <a:pt x="3915" y="3850"/>
                  </a:lnTo>
                  <a:lnTo>
                    <a:pt x="4098" y="3791"/>
                  </a:lnTo>
                  <a:lnTo>
                    <a:pt x="4289" y="3725"/>
                  </a:lnTo>
                  <a:lnTo>
                    <a:pt x="4464" y="3652"/>
                  </a:lnTo>
                  <a:lnTo>
                    <a:pt x="4625" y="3586"/>
                  </a:lnTo>
                  <a:lnTo>
                    <a:pt x="4779" y="3498"/>
                  </a:lnTo>
                  <a:lnTo>
                    <a:pt x="4925" y="3410"/>
                  </a:lnTo>
                  <a:lnTo>
                    <a:pt x="5050" y="3308"/>
                  </a:lnTo>
                  <a:lnTo>
                    <a:pt x="5094" y="3271"/>
                  </a:lnTo>
                  <a:lnTo>
                    <a:pt x="5204" y="3154"/>
                  </a:lnTo>
                  <a:lnTo>
                    <a:pt x="5372" y="2971"/>
                  </a:lnTo>
                  <a:lnTo>
                    <a:pt x="5467" y="2862"/>
                  </a:lnTo>
                  <a:lnTo>
                    <a:pt x="5562" y="2722"/>
                  </a:lnTo>
                  <a:lnTo>
                    <a:pt x="5665" y="2583"/>
                  </a:lnTo>
                  <a:lnTo>
                    <a:pt x="5760" y="2422"/>
                  </a:lnTo>
                  <a:lnTo>
                    <a:pt x="5855" y="2247"/>
                  </a:lnTo>
                  <a:lnTo>
                    <a:pt x="5943" y="2071"/>
                  </a:lnTo>
                  <a:lnTo>
                    <a:pt x="6023" y="1881"/>
                  </a:lnTo>
                  <a:lnTo>
                    <a:pt x="6089" y="1683"/>
                  </a:lnTo>
                  <a:lnTo>
                    <a:pt x="6118" y="1573"/>
                  </a:lnTo>
                  <a:lnTo>
                    <a:pt x="6140" y="1471"/>
                  </a:lnTo>
                  <a:lnTo>
                    <a:pt x="6162" y="1361"/>
                  </a:lnTo>
                  <a:lnTo>
                    <a:pt x="6170" y="1244"/>
                  </a:lnTo>
                  <a:lnTo>
                    <a:pt x="6177" y="1105"/>
                  </a:lnTo>
                  <a:lnTo>
                    <a:pt x="6177" y="944"/>
                  </a:lnTo>
                  <a:lnTo>
                    <a:pt x="6170" y="754"/>
                  </a:lnTo>
                  <a:lnTo>
                    <a:pt x="6155" y="658"/>
                  </a:lnTo>
                  <a:lnTo>
                    <a:pt x="6133" y="549"/>
                  </a:lnTo>
                  <a:lnTo>
                    <a:pt x="6104" y="446"/>
                  </a:lnTo>
                  <a:lnTo>
                    <a:pt x="6075" y="344"/>
                  </a:lnTo>
                  <a:lnTo>
                    <a:pt x="6031" y="241"/>
                  </a:lnTo>
                  <a:lnTo>
                    <a:pt x="5987" y="153"/>
                  </a:lnTo>
                  <a:lnTo>
                    <a:pt x="5928" y="73"/>
                  </a:lnTo>
                  <a:lnTo>
                    <a:pt x="5862" y="0"/>
                  </a:lnTo>
                </a:path>
              </a:pathLst>
            </a:custGeom>
            <a:noFill/>
            <a:ln w="3175" cap="flat" cmpd="sng" algn="ctr">
              <a:solidFill>
                <a:schemeClr val="accent1">
                  <a:lumMod val="60000"/>
                  <a:lumOff val="40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26" name="フリーフォーム 25"/>
            <p:cNvSpPr>
              <a:spLocks/>
            </p:cNvSpPr>
            <p:nvPr/>
          </p:nvSpPr>
          <p:spPr bwMode="auto">
            <a:xfrm>
              <a:off x="-129" y="1692"/>
              <a:ext cx="6170" cy="2416"/>
            </a:xfrm>
            <a:custGeom>
              <a:avLst/>
              <a:gdLst/>
              <a:ahLst/>
              <a:cxnLst>
                <a:cxn ang="0">
                  <a:pos x="0" y="2203"/>
                </a:cxn>
                <a:cxn ang="0">
                  <a:pos x="161" y="2233"/>
                </a:cxn>
                <a:cxn ang="0">
                  <a:pos x="600" y="2299"/>
                </a:cxn>
                <a:cxn ang="0">
                  <a:pos x="907" y="2335"/>
                </a:cxn>
                <a:cxn ang="0">
                  <a:pos x="1251" y="2365"/>
                </a:cxn>
                <a:cxn ang="0">
                  <a:pos x="1624" y="2394"/>
                </a:cxn>
                <a:cxn ang="0">
                  <a:pos x="2034" y="2408"/>
                </a:cxn>
                <a:cxn ang="0">
                  <a:pos x="2452" y="2416"/>
                </a:cxn>
                <a:cxn ang="0">
                  <a:pos x="2671" y="2416"/>
                </a:cxn>
                <a:cxn ang="0">
                  <a:pos x="2883" y="2401"/>
                </a:cxn>
                <a:cxn ang="0">
                  <a:pos x="3096" y="2394"/>
                </a:cxn>
                <a:cxn ang="0">
                  <a:pos x="3308" y="2379"/>
                </a:cxn>
                <a:cxn ang="0">
                  <a:pos x="3520" y="2357"/>
                </a:cxn>
                <a:cxn ang="0">
                  <a:pos x="3725" y="2328"/>
                </a:cxn>
                <a:cxn ang="0">
                  <a:pos x="3930" y="2291"/>
                </a:cxn>
                <a:cxn ang="0">
                  <a:pos x="4128" y="2247"/>
                </a:cxn>
                <a:cxn ang="0">
                  <a:pos x="4318" y="2196"/>
                </a:cxn>
                <a:cxn ang="0">
                  <a:pos x="4501" y="2138"/>
                </a:cxn>
                <a:cxn ang="0">
                  <a:pos x="4677" y="2072"/>
                </a:cxn>
                <a:cxn ang="0">
                  <a:pos x="4838" y="1991"/>
                </a:cxn>
                <a:cxn ang="0">
                  <a:pos x="4991" y="1911"/>
                </a:cxn>
                <a:cxn ang="0">
                  <a:pos x="5130" y="1816"/>
                </a:cxn>
                <a:cxn ang="0">
                  <a:pos x="5167" y="1786"/>
                </a:cxn>
                <a:cxn ang="0">
                  <a:pos x="5269" y="1684"/>
                </a:cxn>
                <a:cxn ang="0">
                  <a:pos x="5430" y="1530"/>
                </a:cxn>
                <a:cxn ang="0">
                  <a:pos x="5511" y="1435"/>
                </a:cxn>
                <a:cxn ang="0">
                  <a:pos x="5613" y="1318"/>
                </a:cxn>
                <a:cxn ang="0">
                  <a:pos x="5701" y="1193"/>
                </a:cxn>
                <a:cxn ang="0">
                  <a:pos x="5789" y="1054"/>
                </a:cxn>
                <a:cxn ang="0">
                  <a:pos x="5884" y="908"/>
                </a:cxn>
                <a:cxn ang="0">
                  <a:pos x="5957" y="747"/>
                </a:cxn>
                <a:cxn ang="0">
                  <a:pos x="6031" y="571"/>
                </a:cxn>
                <a:cxn ang="0">
                  <a:pos x="6096" y="396"/>
                </a:cxn>
                <a:cxn ang="0">
                  <a:pos x="6140" y="205"/>
                </a:cxn>
                <a:cxn ang="0">
                  <a:pos x="6162" y="103"/>
                </a:cxn>
                <a:cxn ang="0">
                  <a:pos x="6170" y="0"/>
                </a:cxn>
              </a:cxnLst>
              <a:rect l="0" t="0" r="0" b="0"/>
              <a:pathLst>
                <a:path w="6170" h="2416">
                  <a:moveTo>
                    <a:pt x="0" y="2203"/>
                  </a:moveTo>
                  <a:lnTo>
                    <a:pt x="161" y="2233"/>
                  </a:lnTo>
                  <a:lnTo>
                    <a:pt x="600" y="2299"/>
                  </a:lnTo>
                  <a:lnTo>
                    <a:pt x="907" y="2335"/>
                  </a:lnTo>
                  <a:lnTo>
                    <a:pt x="1251" y="2365"/>
                  </a:lnTo>
                  <a:lnTo>
                    <a:pt x="1624" y="2394"/>
                  </a:lnTo>
                  <a:lnTo>
                    <a:pt x="2034" y="2408"/>
                  </a:lnTo>
                  <a:lnTo>
                    <a:pt x="2452" y="2416"/>
                  </a:lnTo>
                  <a:lnTo>
                    <a:pt x="2671" y="2416"/>
                  </a:lnTo>
                  <a:lnTo>
                    <a:pt x="2883" y="2401"/>
                  </a:lnTo>
                  <a:lnTo>
                    <a:pt x="3096" y="2394"/>
                  </a:lnTo>
                  <a:lnTo>
                    <a:pt x="3308" y="2379"/>
                  </a:lnTo>
                  <a:lnTo>
                    <a:pt x="3520" y="2357"/>
                  </a:lnTo>
                  <a:lnTo>
                    <a:pt x="3725" y="2328"/>
                  </a:lnTo>
                  <a:lnTo>
                    <a:pt x="3930" y="2291"/>
                  </a:lnTo>
                  <a:lnTo>
                    <a:pt x="4128" y="2247"/>
                  </a:lnTo>
                  <a:lnTo>
                    <a:pt x="4318" y="2196"/>
                  </a:lnTo>
                  <a:lnTo>
                    <a:pt x="4501" y="2138"/>
                  </a:lnTo>
                  <a:lnTo>
                    <a:pt x="4677" y="2072"/>
                  </a:lnTo>
                  <a:lnTo>
                    <a:pt x="4838" y="1991"/>
                  </a:lnTo>
                  <a:lnTo>
                    <a:pt x="4991" y="1911"/>
                  </a:lnTo>
                  <a:lnTo>
                    <a:pt x="5130" y="1816"/>
                  </a:lnTo>
                  <a:lnTo>
                    <a:pt x="5167" y="1786"/>
                  </a:lnTo>
                  <a:lnTo>
                    <a:pt x="5269" y="1684"/>
                  </a:lnTo>
                  <a:lnTo>
                    <a:pt x="5430" y="1530"/>
                  </a:lnTo>
                  <a:lnTo>
                    <a:pt x="5511" y="1435"/>
                  </a:lnTo>
                  <a:lnTo>
                    <a:pt x="5613" y="1318"/>
                  </a:lnTo>
                  <a:lnTo>
                    <a:pt x="5701" y="1193"/>
                  </a:lnTo>
                  <a:lnTo>
                    <a:pt x="5789" y="1054"/>
                  </a:lnTo>
                  <a:lnTo>
                    <a:pt x="5884" y="908"/>
                  </a:lnTo>
                  <a:lnTo>
                    <a:pt x="5957" y="747"/>
                  </a:lnTo>
                  <a:lnTo>
                    <a:pt x="6031" y="571"/>
                  </a:lnTo>
                  <a:lnTo>
                    <a:pt x="6096" y="396"/>
                  </a:lnTo>
                  <a:lnTo>
                    <a:pt x="6140" y="205"/>
                  </a:lnTo>
                  <a:lnTo>
                    <a:pt x="6162" y="103"/>
                  </a:lnTo>
                  <a:lnTo>
                    <a:pt x="6170" y="0"/>
                  </a:lnTo>
                </a:path>
              </a:pathLst>
            </a:custGeom>
            <a:noFill/>
            <a:ln w="3175" cap="flat" cmpd="sng" algn="ctr">
              <a:solidFill>
                <a:schemeClr val="accent1">
                  <a:lumMod val="60000"/>
                  <a:lumOff val="40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27" name="フリーフォーム 26"/>
            <p:cNvSpPr>
              <a:spLocks/>
            </p:cNvSpPr>
            <p:nvPr/>
          </p:nvSpPr>
          <p:spPr bwMode="auto">
            <a:xfrm>
              <a:off x="3237" y="-42"/>
              <a:ext cx="2562" cy="4355"/>
            </a:xfrm>
            <a:custGeom>
              <a:avLst/>
              <a:gdLst/>
              <a:ahLst/>
              <a:cxnLst>
                <a:cxn ang="0">
                  <a:pos x="2108" y="0"/>
                </a:cxn>
                <a:cxn ang="0">
                  <a:pos x="2145" y="73"/>
                </a:cxn>
                <a:cxn ang="0">
                  <a:pos x="2196" y="175"/>
                </a:cxn>
                <a:cxn ang="0">
                  <a:pos x="2247" y="300"/>
                </a:cxn>
                <a:cxn ang="0">
                  <a:pos x="2321" y="453"/>
                </a:cxn>
                <a:cxn ang="0">
                  <a:pos x="2379" y="629"/>
                </a:cxn>
                <a:cxn ang="0">
                  <a:pos x="2438" y="827"/>
                </a:cxn>
                <a:cxn ang="0">
                  <a:pos x="2489" y="1054"/>
                </a:cxn>
                <a:cxn ang="0">
                  <a:pos x="2533" y="1288"/>
                </a:cxn>
                <a:cxn ang="0">
                  <a:pos x="2548" y="1412"/>
                </a:cxn>
                <a:cxn ang="0">
                  <a:pos x="2562" y="1537"/>
                </a:cxn>
                <a:cxn ang="0">
                  <a:pos x="2562" y="1668"/>
                </a:cxn>
                <a:cxn ang="0">
                  <a:pos x="2562" y="1793"/>
                </a:cxn>
                <a:cxn ang="0">
                  <a:pos x="2555" y="1932"/>
                </a:cxn>
                <a:cxn ang="0">
                  <a:pos x="2533" y="2064"/>
                </a:cxn>
                <a:cxn ang="0">
                  <a:pos x="2511" y="2195"/>
                </a:cxn>
                <a:cxn ang="0">
                  <a:pos x="2482" y="2327"/>
                </a:cxn>
                <a:cxn ang="0">
                  <a:pos x="2438" y="2459"/>
                </a:cxn>
                <a:cxn ang="0">
                  <a:pos x="2386" y="2591"/>
                </a:cxn>
                <a:cxn ang="0">
                  <a:pos x="2321" y="2730"/>
                </a:cxn>
                <a:cxn ang="0">
                  <a:pos x="2247" y="2862"/>
                </a:cxn>
                <a:cxn ang="0">
                  <a:pos x="2174" y="2993"/>
                </a:cxn>
                <a:cxn ang="0">
                  <a:pos x="2079" y="3118"/>
                </a:cxn>
                <a:cxn ang="0">
                  <a:pos x="2035" y="3169"/>
                </a:cxn>
                <a:cxn ang="0">
                  <a:pos x="1911" y="3293"/>
                </a:cxn>
                <a:cxn ang="0">
                  <a:pos x="1728" y="3484"/>
                </a:cxn>
                <a:cxn ang="0">
                  <a:pos x="1603" y="3586"/>
                </a:cxn>
                <a:cxn ang="0">
                  <a:pos x="1472" y="3689"/>
                </a:cxn>
                <a:cxn ang="0">
                  <a:pos x="1325" y="3791"/>
                </a:cxn>
                <a:cxn ang="0">
                  <a:pos x="1164" y="3908"/>
                </a:cxn>
                <a:cxn ang="0">
                  <a:pos x="996" y="4011"/>
                </a:cxn>
                <a:cxn ang="0">
                  <a:pos x="813" y="4106"/>
                </a:cxn>
                <a:cxn ang="0">
                  <a:pos x="623" y="4194"/>
                </a:cxn>
                <a:cxn ang="0">
                  <a:pos x="425" y="4267"/>
                </a:cxn>
                <a:cxn ang="0">
                  <a:pos x="322" y="4296"/>
                </a:cxn>
                <a:cxn ang="0">
                  <a:pos x="213" y="4318"/>
                </a:cxn>
                <a:cxn ang="0">
                  <a:pos x="110" y="4347"/>
                </a:cxn>
                <a:cxn ang="0">
                  <a:pos x="0" y="4355"/>
                </a:cxn>
              </a:cxnLst>
              <a:rect l="0" t="0" r="0" b="0"/>
              <a:pathLst>
                <a:path w="2562" h="4355">
                  <a:moveTo>
                    <a:pt x="2108" y="0"/>
                  </a:moveTo>
                  <a:lnTo>
                    <a:pt x="2145" y="73"/>
                  </a:lnTo>
                  <a:lnTo>
                    <a:pt x="2196" y="175"/>
                  </a:lnTo>
                  <a:lnTo>
                    <a:pt x="2247" y="300"/>
                  </a:lnTo>
                  <a:lnTo>
                    <a:pt x="2321" y="453"/>
                  </a:lnTo>
                  <a:lnTo>
                    <a:pt x="2379" y="629"/>
                  </a:lnTo>
                  <a:lnTo>
                    <a:pt x="2438" y="827"/>
                  </a:lnTo>
                  <a:lnTo>
                    <a:pt x="2489" y="1054"/>
                  </a:lnTo>
                  <a:lnTo>
                    <a:pt x="2533" y="1288"/>
                  </a:lnTo>
                  <a:lnTo>
                    <a:pt x="2548" y="1412"/>
                  </a:lnTo>
                  <a:lnTo>
                    <a:pt x="2562" y="1537"/>
                  </a:lnTo>
                  <a:lnTo>
                    <a:pt x="2562" y="1668"/>
                  </a:lnTo>
                  <a:lnTo>
                    <a:pt x="2562" y="1793"/>
                  </a:lnTo>
                  <a:lnTo>
                    <a:pt x="2555" y="1932"/>
                  </a:lnTo>
                  <a:lnTo>
                    <a:pt x="2533" y="2064"/>
                  </a:lnTo>
                  <a:lnTo>
                    <a:pt x="2511" y="2195"/>
                  </a:lnTo>
                  <a:lnTo>
                    <a:pt x="2482" y="2327"/>
                  </a:lnTo>
                  <a:lnTo>
                    <a:pt x="2438" y="2459"/>
                  </a:lnTo>
                  <a:lnTo>
                    <a:pt x="2386" y="2591"/>
                  </a:lnTo>
                  <a:lnTo>
                    <a:pt x="2321" y="2730"/>
                  </a:lnTo>
                  <a:lnTo>
                    <a:pt x="2247" y="2862"/>
                  </a:lnTo>
                  <a:lnTo>
                    <a:pt x="2174" y="2993"/>
                  </a:lnTo>
                  <a:lnTo>
                    <a:pt x="2079" y="3118"/>
                  </a:lnTo>
                  <a:lnTo>
                    <a:pt x="2035" y="3169"/>
                  </a:lnTo>
                  <a:lnTo>
                    <a:pt x="1911" y="3293"/>
                  </a:lnTo>
                  <a:lnTo>
                    <a:pt x="1728" y="3484"/>
                  </a:lnTo>
                  <a:lnTo>
                    <a:pt x="1603" y="3586"/>
                  </a:lnTo>
                  <a:lnTo>
                    <a:pt x="1472" y="3689"/>
                  </a:lnTo>
                  <a:lnTo>
                    <a:pt x="1325" y="3791"/>
                  </a:lnTo>
                  <a:lnTo>
                    <a:pt x="1164" y="3908"/>
                  </a:lnTo>
                  <a:lnTo>
                    <a:pt x="996" y="4011"/>
                  </a:lnTo>
                  <a:lnTo>
                    <a:pt x="813" y="4106"/>
                  </a:lnTo>
                  <a:lnTo>
                    <a:pt x="623" y="4194"/>
                  </a:lnTo>
                  <a:lnTo>
                    <a:pt x="425" y="4267"/>
                  </a:lnTo>
                  <a:lnTo>
                    <a:pt x="322" y="4296"/>
                  </a:lnTo>
                  <a:lnTo>
                    <a:pt x="213" y="4318"/>
                  </a:lnTo>
                  <a:lnTo>
                    <a:pt x="110" y="4347"/>
                  </a:lnTo>
                  <a:lnTo>
                    <a:pt x="0" y="4355"/>
                  </a:lnTo>
                </a:path>
              </a:pathLst>
            </a:custGeom>
            <a:noFill/>
            <a:ln w="3175" cap="flat" cmpd="sng" algn="ctr">
              <a:solidFill>
                <a:schemeClr val="accent1">
                  <a:lumMod val="60000"/>
                  <a:lumOff val="40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  <p:sp>
          <p:nvSpPr>
            <p:cNvPr id="28" name="フリーフォーム 27"/>
            <p:cNvSpPr>
              <a:spLocks/>
            </p:cNvSpPr>
            <p:nvPr/>
          </p:nvSpPr>
          <p:spPr bwMode="auto">
            <a:xfrm>
              <a:off x="4533" y="1949"/>
              <a:ext cx="1508" cy="2364"/>
            </a:xfrm>
            <a:custGeom>
              <a:avLst/>
              <a:gdLst/>
              <a:ahLst/>
              <a:cxnLst>
                <a:cxn ang="0">
                  <a:pos x="0" y="2364"/>
                </a:cxn>
                <a:cxn ang="0">
                  <a:pos x="58" y="2320"/>
                </a:cxn>
                <a:cxn ang="0">
                  <a:pos x="212" y="2181"/>
                </a:cxn>
                <a:cxn ang="0">
                  <a:pos x="322" y="2086"/>
                </a:cxn>
                <a:cxn ang="0">
                  <a:pos x="439" y="1976"/>
                </a:cxn>
                <a:cxn ang="0">
                  <a:pos x="564" y="1837"/>
                </a:cxn>
                <a:cxn ang="0">
                  <a:pos x="695" y="1683"/>
                </a:cxn>
                <a:cxn ang="0">
                  <a:pos x="827" y="1529"/>
                </a:cxn>
                <a:cxn ang="0">
                  <a:pos x="959" y="1339"/>
                </a:cxn>
                <a:cxn ang="0">
                  <a:pos x="1090" y="1149"/>
                </a:cxn>
                <a:cxn ang="0">
                  <a:pos x="1208" y="936"/>
                </a:cxn>
                <a:cxn ang="0">
                  <a:pos x="1266" y="827"/>
                </a:cxn>
                <a:cxn ang="0">
                  <a:pos x="1310" y="717"/>
                </a:cxn>
                <a:cxn ang="0">
                  <a:pos x="1361" y="600"/>
                </a:cxn>
                <a:cxn ang="0">
                  <a:pos x="1405" y="490"/>
                </a:cxn>
                <a:cxn ang="0">
                  <a:pos x="1434" y="365"/>
                </a:cxn>
                <a:cxn ang="0">
                  <a:pos x="1471" y="248"/>
                </a:cxn>
                <a:cxn ang="0">
                  <a:pos x="1493" y="124"/>
                </a:cxn>
                <a:cxn ang="0">
                  <a:pos x="1508" y="0"/>
                </a:cxn>
              </a:cxnLst>
              <a:rect l="0" t="0" r="0" b="0"/>
              <a:pathLst>
                <a:path w="1508" h="2364">
                  <a:moveTo>
                    <a:pt x="0" y="2364"/>
                  </a:moveTo>
                  <a:lnTo>
                    <a:pt x="58" y="2320"/>
                  </a:lnTo>
                  <a:lnTo>
                    <a:pt x="212" y="2181"/>
                  </a:lnTo>
                  <a:lnTo>
                    <a:pt x="322" y="2086"/>
                  </a:lnTo>
                  <a:lnTo>
                    <a:pt x="439" y="1976"/>
                  </a:lnTo>
                  <a:lnTo>
                    <a:pt x="564" y="1837"/>
                  </a:lnTo>
                  <a:lnTo>
                    <a:pt x="695" y="1683"/>
                  </a:lnTo>
                  <a:lnTo>
                    <a:pt x="827" y="1529"/>
                  </a:lnTo>
                  <a:lnTo>
                    <a:pt x="959" y="1339"/>
                  </a:lnTo>
                  <a:lnTo>
                    <a:pt x="1090" y="1149"/>
                  </a:lnTo>
                  <a:lnTo>
                    <a:pt x="1208" y="936"/>
                  </a:lnTo>
                  <a:lnTo>
                    <a:pt x="1266" y="827"/>
                  </a:lnTo>
                  <a:lnTo>
                    <a:pt x="1310" y="717"/>
                  </a:lnTo>
                  <a:lnTo>
                    <a:pt x="1361" y="600"/>
                  </a:lnTo>
                  <a:lnTo>
                    <a:pt x="1405" y="490"/>
                  </a:lnTo>
                  <a:lnTo>
                    <a:pt x="1434" y="365"/>
                  </a:lnTo>
                  <a:lnTo>
                    <a:pt x="1471" y="248"/>
                  </a:lnTo>
                  <a:lnTo>
                    <a:pt x="1493" y="124"/>
                  </a:lnTo>
                  <a:lnTo>
                    <a:pt x="1508" y="0"/>
                  </a:lnTo>
                </a:path>
              </a:pathLst>
            </a:custGeom>
            <a:noFill/>
            <a:ln w="3175" cap="flat" cmpd="sng" algn="ctr">
              <a:solidFill>
                <a:schemeClr val="accent1">
                  <a:lumMod val="60000"/>
                  <a:lumOff val="40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ja-JP" altLang="en-US"/>
            </a:p>
          </p:txBody>
        </p:sp>
      </p:grpSp>
      <p:grpSp>
        <p:nvGrpSpPr>
          <p:cNvPr id="8" name="グループ化 7"/>
          <p:cNvGrpSpPr/>
          <p:nvPr/>
        </p:nvGrpSpPr>
        <p:grpSpPr>
          <a:xfrm>
            <a:off x="7270629" y="3871493"/>
            <a:ext cx="1541824" cy="1424221"/>
            <a:chOff x="7286645" y="3871493"/>
            <a:chExt cx="1541824" cy="1424221"/>
          </a:xfrm>
          <a:gradFill>
            <a:gsLst>
              <a:gs pos="0">
                <a:schemeClr val="accent1">
                  <a:alpha val="20000"/>
                </a:schemeClr>
              </a:gs>
              <a:gs pos="100000">
                <a:schemeClr val="accent1">
                  <a:lumMod val="20000"/>
                  <a:lumOff val="80000"/>
                </a:schemeClr>
              </a:gs>
            </a:gsLst>
            <a:lin ang="5400000" scaled="1"/>
          </a:gradFill>
        </p:grpSpPr>
        <p:sp>
          <p:nvSpPr>
            <p:cNvPr id="30" name="フリーフォーム 29"/>
            <p:cNvSpPr>
              <a:spLocks/>
            </p:cNvSpPr>
            <p:nvPr/>
          </p:nvSpPr>
          <p:spPr bwMode="auto">
            <a:xfrm>
              <a:off x="7286645" y="3890348"/>
              <a:ext cx="908413" cy="891012"/>
            </a:xfrm>
            <a:custGeom>
              <a:avLst/>
              <a:gdLst>
                <a:gd name="T0" fmla="*/ 530225 w 507"/>
                <a:gd name="T1" fmla="*/ 0 h 501"/>
                <a:gd name="T2" fmla="*/ 692150 w 507"/>
                <a:gd name="T3" fmla="*/ 0 h 501"/>
                <a:gd name="T4" fmla="*/ 758825 w 507"/>
                <a:gd name="T5" fmla="*/ 0 h 501"/>
                <a:gd name="T6" fmla="*/ 804863 w 507"/>
                <a:gd name="T7" fmla="*/ 20638 h 501"/>
                <a:gd name="T8" fmla="*/ 804863 w 507"/>
                <a:gd name="T9" fmla="*/ 33338 h 501"/>
                <a:gd name="T10" fmla="*/ 738188 w 507"/>
                <a:gd name="T11" fmla="*/ 11113 h 501"/>
                <a:gd name="T12" fmla="*/ 701675 w 507"/>
                <a:gd name="T13" fmla="*/ 0 h 501"/>
                <a:gd name="T14" fmla="*/ 655638 w 507"/>
                <a:gd name="T15" fmla="*/ 0 h 501"/>
                <a:gd name="T16" fmla="*/ 552450 w 507"/>
                <a:gd name="T17" fmla="*/ 33338 h 501"/>
                <a:gd name="T18" fmla="*/ 460375 w 507"/>
                <a:gd name="T19" fmla="*/ 79375 h 501"/>
                <a:gd name="T20" fmla="*/ 414338 w 507"/>
                <a:gd name="T21" fmla="*/ 115888 h 501"/>
                <a:gd name="T22" fmla="*/ 493713 w 507"/>
                <a:gd name="T23" fmla="*/ 79375 h 501"/>
                <a:gd name="T24" fmla="*/ 542925 w 507"/>
                <a:gd name="T25" fmla="*/ 66675 h 501"/>
                <a:gd name="T26" fmla="*/ 563563 w 507"/>
                <a:gd name="T27" fmla="*/ 66675 h 501"/>
                <a:gd name="T28" fmla="*/ 460375 w 507"/>
                <a:gd name="T29" fmla="*/ 115888 h 501"/>
                <a:gd name="T30" fmla="*/ 403225 w 507"/>
                <a:gd name="T31" fmla="*/ 160338 h 501"/>
                <a:gd name="T32" fmla="*/ 334963 w 507"/>
                <a:gd name="T33" fmla="*/ 206375 h 501"/>
                <a:gd name="T34" fmla="*/ 277813 w 507"/>
                <a:gd name="T35" fmla="*/ 252413 h 501"/>
                <a:gd name="T36" fmla="*/ 219075 w 507"/>
                <a:gd name="T37" fmla="*/ 309563 h 501"/>
                <a:gd name="T38" fmla="*/ 182563 w 507"/>
                <a:gd name="T39" fmla="*/ 355600 h 501"/>
                <a:gd name="T40" fmla="*/ 161925 w 507"/>
                <a:gd name="T41" fmla="*/ 425450 h 501"/>
                <a:gd name="T42" fmla="*/ 138113 w 507"/>
                <a:gd name="T43" fmla="*/ 550863 h 501"/>
                <a:gd name="T44" fmla="*/ 128588 w 507"/>
                <a:gd name="T45" fmla="*/ 769938 h 501"/>
                <a:gd name="T46" fmla="*/ 115888 w 507"/>
                <a:gd name="T47" fmla="*/ 633413 h 501"/>
                <a:gd name="T48" fmla="*/ 103188 w 507"/>
                <a:gd name="T49" fmla="*/ 530225 h 501"/>
                <a:gd name="T50" fmla="*/ 92075 w 507"/>
                <a:gd name="T51" fmla="*/ 493713 h 501"/>
                <a:gd name="T52" fmla="*/ 69850 w 507"/>
                <a:gd name="T53" fmla="*/ 541338 h 501"/>
                <a:gd name="T54" fmla="*/ 58738 w 507"/>
                <a:gd name="T55" fmla="*/ 608013 h 501"/>
                <a:gd name="T56" fmla="*/ 46038 w 507"/>
                <a:gd name="T57" fmla="*/ 795338 h 501"/>
                <a:gd name="T58" fmla="*/ 33338 w 507"/>
                <a:gd name="T59" fmla="*/ 679450 h 501"/>
                <a:gd name="T60" fmla="*/ 25400 w 507"/>
                <a:gd name="T61" fmla="*/ 620713 h 501"/>
                <a:gd name="T62" fmla="*/ 12700 w 507"/>
                <a:gd name="T63" fmla="*/ 633413 h 501"/>
                <a:gd name="T64" fmla="*/ 0 w 507"/>
                <a:gd name="T65" fmla="*/ 646113 h 501"/>
                <a:gd name="T66" fmla="*/ 0 w 507"/>
                <a:gd name="T67" fmla="*/ 574675 h 501"/>
                <a:gd name="T68" fmla="*/ 12700 w 507"/>
                <a:gd name="T69" fmla="*/ 517525 h 501"/>
                <a:gd name="T70" fmla="*/ 25400 w 507"/>
                <a:gd name="T71" fmla="*/ 458788 h 501"/>
                <a:gd name="T72" fmla="*/ 82550 w 507"/>
                <a:gd name="T73" fmla="*/ 331788 h 501"/>
                <a:gd name="T74" fmla="*/ 149225 w 507"/>
                <a:gd name="T75" fmla="*/ 219075 h 501"/>
                <a:gd name="T76" fmla="*/ 231775 w 507"/>
                <a:gd name="T77" fmla="*/ 123825 h 501"/>
                <a:gd name="T78" fmla="*/ 311150 w 507"/>
                <a:gd name="T79" fmla="*/ 57150 h 501"/>
                <a:gd name="T80" fmla="*/ 403225 w 507"/>
                <a:gd name="T81" fmla="*/ 20638 h 501"/>
                <a:gd name="T82" fmla="*/ 519113 w 507"/>
                <a:gd name="T83" fmla="*/ 0 h 501"/>
                <a:gd name="T84" fmla="*/ 530225 w 507"/>
                <a:gd name="T85" fmla="*/ 0 h 501"/>
                <a:gd name="T86" fmla="*/ 0 1 256"/>
                <a:gd name="T87" fmla="*/ 0 1 256"/>
                <a:gd name="T88" fmla="*/ 0 1 256"/>
                <a:gd name="T89" fmla="*/ 0 1 256"/>
                <a:gd name="T90" fmla="*/ 0 1 256"/>
                <a:gd name="T91" fmla="*/ 0 1 256"/>
                <a:gd name="T92" fmla="*/ 0 1 256"/>
                <a:gd name="T93" fmla="*/ 0 1 256"/>
                <a:gd name="T94" fmla="*/ 0 1 256"/>
                <a:gd name="T95" fmla="*/ 0 1 256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w 507"/>
                <a:gd name="T130" fmla="*/ 0 h 501"/>
                <a:gd name="T131" fmla="*/ 0 w 507"/>
                <a:gd name="T132" fmla="*/ 0 h 501"/>
              </a:gdLst>
              <a:ahLst/>
              <a:cxnLst>
                <a:cxn ang="T86">
                  <a:pos x="T0" y="T1"/>
                </a:cxn>
                <a:cxn ang="T87">
                  <a:pos x="T2" y="T3"/>
                </a:cxn>
                <a:cxn ang="T88">
                  <a:pos x="T4" y="T5"/>
                </a:cxn>
                <a:cxn ang="T89">
                  <a:pos x="T6" y="T7"/>
                </a:cxn>
                <a:cxn ang="T90">
                  <a:pos x="T8" y="T9"/>
                </a:cxn>
                <a:cxn ang="T91">
                  <a:pos x="T10" y="T11"/>
                </a:cxn>
                <a:cxn ang="T92">
                  <a:pos x="T12" y="T13"/>
                </a:cxn>
                <a:cxn ang="T93">
                  <a:pos x="T14" y="T15"/>
                </a:cxn>
                <a:cxn ang="T94">
                  <a:pos x="T16" y="T17"/>
                </a:cxn>
                <a:cxn ang="T95">
                  <a:pos x="T18" y="T19"/>
                </a:cxn>
                <a:cxn ang="T96">
                  <a:pos x="T20" y="T21"/>
                </a:cxn>
                <a:cxn ang="T97">
                  <a:pos x="T22" y="T23"/>
                </a:cxn>
                <a:cxn ang="T98">
                  <a:pos x="T24" y="T25"/>
                </a:cxn>
                <a:cxn ang="T99">
                  <a:pos x="T26" y="T27"/>
                </a:cxn>
                <a:cxn ang="T100">
                  <a:pos x="T28" y="T29"/>
                </a:cxn>
                <a:cxn ang="T101">
                  <a:pos x="T30" y="T31"/>
                </a:cxn>
                <a:cxn ang="T102">
                  <a:pos x="T32" y="T33"/>
                </a:cxn>
                <a:cxn ang="T103">
                  <a:pos x="T34" y="T35"/>
                </a:cxn>
                <a:cxn ang="T104">
                  <a:pos x="T36" y="T37"/>
                </a:cxn>
                <a:cxn ang="T105">
                  <a:pos x="T38" y="T39"/>
                </a:cxn>
                <a:cxn ang="T106">
                  <a:pos x="T40" y="T41"/>
                </a:cxn>
                <a:cxn ang="T107">
                  <a:pos x="T42" y="T43"/>
                </a:cxn>
                <a:cxn ang="T108">
                  <a:pos x="T44" y="T45"/>
                </a:cxn>
                <a:cxn ang="T109">
                  <a:pos x="T46" y="T47"/>
                </a:cxn>
                <a:cxn ang="T110">
                  <a:pos x="T48" y="T49"/>
                </a:cxn>
                <a:cxn ang="T111">
                  <a:pos x="T50" y="T51"/>
                </a:cxn>
                <a:cxn ang="T112">
                  <a:pos x="T52" y="T53"/>
                </a:cxn>
                <a:cxn ang="T113">
                  <a:pos x="T54" y="T55"/>
                </a:cxn>
                <a:cxn ang="T114">
                  <a:pos x="T56" y="T57"/>
                </a:cxn>
                <a:cxn ang="T115">
                  <a:pos x="T58" y="T59"/>
                </a:cxn>
                <a:cxn ang="T116">
                  <a:pos x="T60" y="T61"/>
                </a:cxn>
                <a:cxn ang="T117">
                  <a:pos x="T62" y="T63"/>
                </a:cxn>
                <a:cxn ang="T118">
                  <a:pos x="T64" y="T65"/>
                </a:cxn>
                <a:cxn ang="T119">
                  <a:pos x="T66" y="T67"/>
                </a:cxn>
                <a:cxn ang="T120">
                  <a:pos x="T68" y="T69"/>
                </a:cxn>
                <a:cxn ang="T121">
                  <a:pos x="T70" y="T71"/>
                </a:cxn>
                <a:cxn ang="T122">
                  <a:pos x="T72" y="T73"/>
                </a:cxn>
                <a:cxn ang="T123">
                  <a:pos x="T74" y="T75"/>
                </a:cxn>
                <a:cxn ang="T124">
                  <a:pos x="T76" y="T77"/>
                </a:cxn>
                <a:cxn ang="T125">
                  <a:pos x="T78" y="T79"/>
                </a:cxn>
                <a:cxn ang="T126">
                  <a:pos x="T80" y="T81"/>
                </a:cxn>
                <a:cxn ang="T127">
                  <a:pos x="T82" y="T83"/>
                </a:cxn>
                <a:cxn ang="T128">
                  <a:pos x="T84" y="T85"/>
                </a:cxn>
              </a:cxnLst>
              <a:rect l="T129" t="T130" r="T131" b="T132"/>
              <a:pathLst>
                <a:path w="507" h="501">
                  <a:moveTo>
                    <a:pt x="334" y="0"/>
                  </a:moveTo>
                  <a:lnTo>
                    <a:pt x="436" y="0"/>
                  </a:lnTo>
                  <a:lnTo>
                    <a:pt x="478" y="0"/>
                  </a:lnTo>
                  <a:lnTo>
                    <a:pt x="507" y="13"/>
                  </a:lnTo>
                  <a:lnTo>
                    <a:pt x="507" y="21"/>
                  </a:lnTo>
                  <a:lnTo>
                    <a:pt x="465" y="7"/>
                  </a:lnTo>
                  <a:lnTo>
                    <a:pt x="442" y="0"/>
                  </a:lnTo>
                  <a:lnTo>
                    <a:pt x="413" y="0"/>
                  </a:lnTo>
                  <a:lnTo>
                    <a:pt x="348" y="21"/>
                  </a:lnTo>
                  <a:lnTo>
                    <a:pt x="290" y="50"/>
                  </a:lnTo>
                  <a:lnTo>
                    <a:pt x="261" y="73"/>
                  </a:lnTo>
                  <a:lnTo>
                    <a:pt x="311" y="50"/>
                  </a:lnTo>
                  <a:lnTo>
                    <a:pt x="342" y="42"/>
                  </a:lnTo>
                  <a:lnTo>
                    <a:pt x="355" y="42"/>
                  </a:lnTo>
                  <a:lnTo>
                    <a:pt x="290" y="73"/>
                  </a:lnTo>
                  <a:lnTo>
                    <a:pt x="254" y="101"/>
                  </a:lnTo>
                  <a:lnTo>
                    <a:pt x="211" y="130"/>
                  </a:lnTo>
                  <a:lnTo>
                    <a:pt x="175" y="159"/>
                  </a:lnTo>
                  <a:lnTo>
                    <a:pt x="138" y="195"/>
                  </a:lnTo>
                  <a:lnTo>
                    <a:pt x="115" y="224"/>
                  </a:lnTo>
                  <a:lnTo>
                    <a:pt x="102" y="268"/>
                  </a:lnTo>
                  <a:lnTo>
                    <a:pt x="87" y="347"/>
                  </a:lnTo>
                  <a:lnTo>
                    <a:pt x="81" y="485"/>
                  </a:lnTo>
                  <a:lnTo>
                    <a:pt x="73" y="399"/>
                  </a:lnTo>
                  <a:lnTo>
                    <a:pt x="65" y="334"/>
                  </a:lnTo>
                  <a:lnTo>
                    <a:pt x="58" y="311"/>
                  </a:lnTo>
                  <a:lnTo>
                    <a:pt x="44" y="341"/>
                  </a:lnTo>
                  <a:lnTo>
                    <a:pt x="37" y="383"/>
                  </a:lnTo>
                  <a:lnTo>
                    <a:pt x="29" y="501"/>
                  </a:lnTo>
                  <a:lnTo>
                    <a:pt x="21" y="428"/>
                  </a:lnTo>
                  <a:lnTo>
                    <a:pt x="16" y="391"/>
                  </a:lnTo>
                  <a:lnTo>
                    <a:pt x="8" y="399"/>
                  </a:lnTo>
                  <a:lnTo>
                    <a:pt x="0" y="407"/>
                  </a:lnTo>
                  <a:lnTo>
                    <a:pt x="0" y="362"/>
                  </a:lnTo>
                  <a:lnTo>
                    <a:pt x="8" y="326"/>
                  </a:lnTo>
                  <a:lnTo>
                    <a:pt x="16" y="289"/>
                  </a:lnTo>
                  <a:lnTo>
                    <a:pt x="52" y="209"/>
                  </a:lnTo>
                  <a:lnTo>
                    <a:pt x="94" y="138"/>
                  </a:lnTo>
                  <a:lnTo>
                    <a:pt x="146" y="78"/>
                  </a:lnTo>
                  <a:lnTo>
                    <a:pt x="196" y="36"/>
                  </a:lnTo>
                  <a:lnTo>
                    <a:pt x="254" y="13"/>
                  </a:lnTo>
                  <a:lnTo>
                    <a:pt x="327" y="0"/>
                  </a:lnTo>
                  <a:lnTo>
                    <a:pt x="334" y="0"/>
                  </a:lnTo>
                  <a:close/>
                </a:path>
              </a:pathLst>
            </a:custGeom>
            <a:gradFill>
              <a:gsLst>
                <a:gs pos="0">
                  <a:schemeClr val="accent1">
                    <a:alpha val="20000"/>
                  </a:schemeClr>
                </a:gs>
                <a:gs pos="100000">
                  <a:schemeClr val="accent1">
                    <a:lumMod val="20000"/>
                    <a:lumOff val="80000"/>
                  </a:schemeClr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31" name="フリーフォーム 30"/>
            <p:cNvSpPr>
              <a:spLocks/>
            </p:cNvSpPr>
            <p:nvPr/>
          </p:nvSpPr>
          <p:spPr bwMode="auto">
            <a:xfrm>
              <a:off x="7421610" y="3871493"/>
              <a:ext cx="1406859" cy="1424221"/>
            </a:xfrm>
            <a:custGeom>
              <a:avLst/>
              <a:gdLst>
                <a:gd name="T0" fmla="*/ 1276350 w 804"/>
                <a:gd name="T1" fmla="*/ 795338 h 820"/>
                <a:gd name="T2" fmla="*/ 1209675 w 804"/>
                <a:gd name="T3" fmla="*/ 449263 h 820"/>
                <a:gd name="T4" fmla="*/ 1003300 w 804"/>
                <a:gd name="T5" fmla="*/ 149225 h 820"/>
                <a:gd name="T6" fmla="*/ 828675 w 804"/>
                <a:gd name="T7" fmla="*/ 46038 h 820"/>
                <a:gd name="T8" fmla="*/ 1003300 w 804"/>
                <a:gd name="T9" fmla="*/ 241300 h 820"/>
                <a:gd name="T10" fmla="*/ 758825 w 804"/>
                <a:gd name="T11" fmla="*/ 92075 h 820"/>
                <a:gd name="T12" fmla="*/ 506413 w 804"/>
                <a:gd name="T13" fmla="*/ 46038 h 820"/>
                <a:gd name="T14" fmla="*/ 401638 w 804"/>
                <a:gd name="T15" fmla="*/ 79375 h 820"/>
                <a:gd name="T16" fmla="*/ 149225 w 804"/>
                <a:gd name="T17" fmla="*/ 220663 h 820"/>
                <a:gd name="T18" fmla="*/ 33338 w 804"/>
                <a:gd name="T19" fmla="*/ 427038 h 820"/>
                <a:gd name="T20" fmla="*/ 33338 w 804"/>
                <a:gd name="T21" fmla="*/ 817563 h 820"/>
                <a:gd name="T22" fmla="*/ 241300 w 804"/>
                <a:gd name="T23" fmla="*/ 1119188 h 820"/>
                <a:gd name="T24" fmla="*/ 206375 w 804"/>
                <a:gd name="T25" fmla="*/ 1165225 h 820"/>
                <a:gd name="T26" fmla="*/ 473075 w 804"/>
                <a:gd name="T27" fmla="*/ 1243013 h 820"/>
                <a:gd name="T28" fmla="*/ 642938 w 804"/>
                <a:gd name="T29" fmla="*/ 1255713 h 820"/>
                <a:gd name="T30" fmla="*/ 252413 w 804"/>
                <a:gd name="T31" fmla="*/ 1268413 h 820"/>
                <a:gd name="T32" fmla="*/ 539750 w 804"/>
                <a:gd name="T33" fmla="*/ 1301750 h 820"/>
                <a:gd name="T34" fmla="*/ 841375 w 804"/>
                <a:gd name="T35" fmla="*/ 1255713 h 820"/>
                <a:gd name="T36" fmla="*/ 1047750 w 804"/>
                <a:gd name="T37" fmla="*/ 1139825 h 820"/>
                <a:gd name="T38" fmla="*/ 1160463 w 804"/>
                <a:gd name="T39" fmla="*/ 977900 h 820"/>
                <a:gd name="T40" fmla="*/ 1160463 w 804"/>
                <a:gd name="T41" fmla="*/ 795338 h 820"/>
                <a:gd name="T42" fmla="*/ 1173163 w 804"/>
                <a:gd name="T43" fmla="*/ 725488 h 820"/>
                <a:gd name="T44" fmla="*/ 1219200 w 804"/>
                <a:gd name="T45" fmla="*/ 784225 h 820"/>
                <a:gd name="T46" fmla="*/ 1160463 w 804"/>
                <a:gd name="T47" fmla="*/ 635000 h 820"/>
                <a:gd name="T48" fmla="*/ 1209675 w 804"/>
                <a:gd name="T49" fmla="*/ 646113 h 820"/>
                <a:gd name="T50" fmla="*/ 1255713 w 804"/>
                <a:gd name="T51" fmla="*/ 795338 h 820"/>
                <a:gd name="T52" fmla="*/ 1231900 w 804"/>
                <a:gd name="T53" fmla="*/ 1003300 h 820"/>
                <a:gd name="T54" fmla="*/ 815975 w 804"/>
                <a:gd name="T55" fmla="*/ 887413 h 820"/>
                <a:gd name="T56" fmla="*/ 633413 w 804"/>
                <a:gd name="T57" fmla="*/ 1016000 h 820"/>
                <a:gd name="T58" fmla="*/ 344488 w 804"/>
                <a:gd name="T59" fmla="*/ 920750 h 820"/>
                <a:gd name="T60" fmla="*/ 219075 w 804"/>
                <a:gd name="T61" fmla="*/ 738188 h 820"/>
                <a:gd name="T62" fmla="*/ 206375 w 804"/>
                <a:gd name="T63" fmla="*/ 530225 h 820"/>
                <a:gd name="T64" fmla="*/ 265113 w 804"/>
                <a:gd name="T65" fmla="*/ 381000 h 820"/>
                <a:gd name="T66" fmla="*/ 473075 w 804"/>
                <a:gd name="T67" fmla="*/ 254000 h 820"/>
                <a:gd name="T68" fmla="*/ 311150 w 804"/>
                <a:gd name="T69" fmla="*/ 311150 h 820"/>
                <a:gd name="T70" fmla="*/ 182563 w 804"/>
                <a:gd name="T71" fmla="*/ 439738 h 820"/>
                <a:gd name="T72" fmla="*/ 252413 w 804"/>
                <a:gd name="T73" fmla="*/ 300038 h 820"/>
                <a:gd name="T74" fmla="*/ 434975 w 804"/>
                <a:gd name="T75" fmla="*/ 195263 h 820"/>
                <a:gd name="T76" fmla="*/ 587375 w 804"/>
                <a:gd name="T77" fmla="*/ 149225 h 820"/>
                <a:gd name="T78" fmla="*/ 493713 w 804"/>
                <a:gd name="T79" fmla="*/ 115888 h 820"/>
                <a:gd name="T80" fmla="*/ 655638 w 804"/>
                <a:gd name="T81" fmla="*/ 104775 h 820"/>
                <a:gd name="T82" fmla="*/ 758825 w 804"/>
                <a:gd name="T83" fmla="*/ 231775 h 820"/>
                <a:gd name="T84" fmla="*/ 804863 w 804"/>
                <a:gd name="T85" fmla="*/ 287338 h 820"/>
                <a:gd name="T86" fmla="*/ 758825 w 804"/>
                <a:gd name="T87" fmla="*/ 381000 h 820"/>
                <a:gd name="T88" fmla="*/ 815975 w 804"/>
                <a:gd name="T89" fmla="*/ 403225 h 820"/>
                <a:gd name="T90" fmla="*/ 862013 w 804"/>
                <a:gd name="T91" fmla="*/ 427038 h 820"/>
                <a:gd name="T92" fmla="*/ 898525 w 804"/>
                <a:gd name="T93" fmla="*/ 601663 h 820"/>
                <a:gd name="T94" fmla="*/ 0 1 256"/>
                <a:gd name="T95" fmla="*/ 0 1 256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w 804"/>
                <a:gd name="T142" fmla="*/ 0 h 820"/>
                <a:gd name="T143" fmla="*/ 0 w 804"/>
                <a:gd name="T144" fmla="*/ 0 h 820"/>
              </a:gdLst>
              <a:ahLst/>
              <a:cxnLst>
                <a:cxn ang="T94">
                  <a:pos x="T0" y="T1"/>
                </a:cxn>
                <a:cxn ang="T95">
                  <a:pos x="T2" y="T3"/>
                </a:cxn>
                <a:cxn ang="T96">
                  <a:pos x="T4" y="T5"/>
                </a:cxn>
                <a:cxn ang="T97">
                  <a:pos x="T6" y="T7"/>
                </a:cxn>
                <a:cxn ang="T98">
                  <a:pos x="T8" y="T9"/>
                </a:cxn>
                <a:cxn ang="T99">
                  <a:pos x="T10" y="T11"/>
                </a:cxn>
                <a:cxn ang="T100">
                  <a:pos x="T12" y="T13"/>
                </a:cxn>
                <a:cxn ang="T101">
                  <a:pos x="T14" y="T15"/>
                </a:cxn>
                <a:cxn ang="T102">
                  <a:pos x="T16" y="T17"/>
                </a:cxn>
                <a:cxn ang="T103">
                  <a:pos x="T18" y="T19"/>
                </a:cxn>
                <a:cxn ang="T104">
                  <a:pos x="T20" y="T21"/>
                </a:cxn>
                <a:cxn ang="T105">
                  <a:pos x="T22" y="T23"/>
                </a:cxn>
                <a:cxn ang="T106">
                  <a:pos x="T24" y="T25"/>
                </a:cxn>
                <a:cxn ang="T107">
                  <a:pos x="T26" y="T27"/>
                </a:cxn>
                <a:cxn ang="T108">
                  <a:pos x="T28" y="T29"/>
                </a:cxn>
                <a:cxn ang="T109">
                  <a:pos x="T30" y="T31"/>
                </a:cxn>
                <a:cxn ang="T110">
                  <a:pos x="T32" y="T33"/>
                </a:cxn>
                <a:cxn ang="T111">
                  <a:pos x="T34" y="T35"/>
                </a:cxn>
                <a:cxn ang="T112">
                  <a:pos x="T36" y="T37"/>
                </a:cxn>
                <a:cxn ang="T113">
                  <a:pos x="T38" y="T39"/>
                </a:cxn>
                <a:cxn ang="T114">
                  <a:pos x="T40" y="T41"/>
                </a:cxn>
                <a:cxn ang="T115">
                  <a:pos x="T42" y="T43"/>
                </a:cxn>
                <a:cxn ang="T116">
                  <a:pos x="T44" y="T45"/>
                </a:cxn>
                <a:cxn ang="T117">
                  <a:pos x="T46" y="T47"/>
                </a:cxn>
                <a:cxn ang="T118">
                  <a:pos x="T48" y="T49"/>
                </a:cxn>
                <a:cxn ang="T119">
                  <a:pos x="T50" y="T51"/>
                </a:cxn>
                <a:cxn ang="T120">
                  <a:pos x="T52" y="T53"/>
                </a:cxn>
                <a:cxn ang="T121">
                  <a:pos x="T54" y="T55"/>
                </a:cxn>
                <a:cxn ang="T122">
                  <a:pos x="T56" y="T57"/>
                </a:cxn>
                <a:cxn ang="T123">
                  <a:pos x="T58" y="T59"/>
                </a:cxn>
                <a:cxn ang="T124">
                  <a:pos x="T60" y="T61"/>
                </a:cxn>
                <a:cxn ang="T125">
                  <a:pos x="T62" y="T63"/>
                </a:cxn>
                <a:cxn ang="T126">
                  <a:pos x="T64" y="T65"/>
                </a:cxn>
                <a:cxn ang="T127">
                  <a:pos x="T66" y="T67"/>
                </a:cxn>
                <a:cxn ang="T128">
                  <a:pos x="T68" y="T69"/>
                </a:cxn>
                <a:cxn ang="T129">
                  <a:pos x="T70" y="T71"/>
                </a:cxn>
                <a:cxn ang="T130">
                  <a:pos x="T72" y="T73"/>
                </a:cxn>
                <a:cxn ang="T131">
                  <a:pos x="T74" y="T75"/>
                </a:cxn>
                <a:cxn ang="T132">
                  <a:pos x="T76" y="T77"/>
                </a:cxn>
                <a:cxn ang="T133">
                  <a:pos x="T78" y="T79"/>
                </a:cxn>
                <a:cxn ang="T134">
                  <a:pos x="T80" y="T81"/>
                </a:cxn>
                <a:cxn ang="T135">
                  <a:pos x="T82" y="T83"/>
                </a:cxn>
                <a:cxn ang="T136">
                  <a:pos x="T84" y="T85"/>
                </a:cxn>
                <a:cxn ang="T137">
                  <a:pos x="T86" y="T87"/>
                </a:cxn>
                <a:cxn ang="T138">
                  <a:pos x="T88" y="T89"/>
                </a:cxn>
                <a:cxn ang="T139">
                  <a:pos x="T90" y="T91"/>
                </a:cxn>
                <a:cxn ang="T140">
                  <a:pos x="T92" y="T93"/>
                </a:cxn>
              </a:cxnLst>
              <a:rect l="T141" t="T142" r="T143" b="T144"/>
              <a:pathLst>
                <a:path w="804" h="820">
                  <a:moveTo>
                    <a:pt x="776" y="632"/>
                  </a:moveTo>
                  <a:lnTo>
                    <a:pt x="797" y="559"/>
                  </a:lnTo>
                  <a:lnTo>
                    <a:pt x="804" y="501"/>
                  </a:lnTo>
                  <a:lnTo>
                    <a:pt x="804" y="444"/>
                  </a:lnTo>
                  <a:lnTo>
                    <a:pt x="791" y="379"/>
                  </a:lnTo>
                  <a:lnTo>
                    <a:pt x="762" y="283"/>
                  </a:lnTo>
                  <a:lnTo>
                    <a:pt x="710" y="204"/>
                  </a:lnTo>
                  <a:lnTo>
                    <a:pt x="660" y="123"/>
                  </a:lnTo>
                  <a:lnTo>
                    <a:pt x="632" y="94"/>
                  </a:lnTo>
                  <a:lnTo>
                    <a:pt x="595" y="66"/>
                  </a:lnTo>
                  <a:lnTo>
                    <a:pt x="559" y="50"/>
                  </a:lnTo>
                  <a:lnTo>
                    <a:pt x="522" y="29"/>
                  </a:lnTo>
                  <a:lnTo>
                    <a:pt x="442" y="0"/>
                  </a:lnTo>
                  <a:lnTo>
                    <a:pt x="543" y="73"/>
                  </a:lnTo>
                  <a:lnTo>
                    <a:pt x="632" y="152"/>
                  </a:lnTo>
                  <a:lnTo>
                    <a:pt x="551" y="102"/>
                  </a:lnTo>
                  <a:lnTo>
                    <a:pt x="478" y="50"/>
                  </a:lnTo>
                  <a:lnTo>
                    <a:pt x="478" y="58"/>
                  </a:lnTo>
                  <a:lnTo>
                    <a:pt x="478" y="73"/>
                  </a:lnTo>
                  <a:lnTo>
                    <a:pt x="376" y="45"/>
                  </a:lnTo>
                  <a:lnTo>
                    <a:pt x="319" y="29"/>
                  </a:lnTo>
                  <a:lnTo>
                    <a:pt x="246" y="29"/>
                  </a:lnTo>
                  <a:lnTo>
                    <a:pt x="246" y="45"/>
                  </a:lnTo>
                  <a:lnTo>
                    <a:pt x="253" y="50"/>
                  </a:lnTo>
                  <a:lnTo>
                    <a:pt x="188" y="81"/>
                  </a:lnTo>
                  <a:lnTo>
                    <a:pt x="138" y="102"/>
                  </a:lnTo>
                  <a:lnTo>
                    <a:pt x="94" y="139"/>
                  </a:lnTo>
                  <a:lnTo>
                    <a:pt x="58" y="189"/>
                  </a:lnTo>
                  <a:lnTo>
                    <a:pt x="36" y="233"/>
                  </a:lnTo>
                  <a:lnTo>
                    <a:pt x="21" y="269"/>
                  </a:lnTo>
                  <a:lnTo>
                    <a:pt x="0" y="348"/>
                  </a:lnTo>
                  <a:lnTo>
                    <a:pt x="0" y="436"/>
                  </a:lnTo>
                  <a:lnTo>
                    <a:pt x="21" y="515"/>
                  </a:lnTo>
                  <a:lnTo>
                    <a:pt x="50" y="588"/>
                  </a:lnTo>
                  <a:lnTo>
                    <a:pt x="102" y="653"/>
                  </a:lnTo>
                  <a:lnTo>
                    <a:pt x="152" y="705"/>
                  </a:lnTo>
                  <a:lnTo>
                    <a:pt x="217" y="741"/>
                  </a:lnTo>
                  <a:lnTo>
                    <a:pt x="180" y="741"/>
                  </a:lnTo>
                  <a:lnTo>
                    <a:pt x="130" y="734"/>
                  </a:lnTo>
                  <a:lnTo>
                    <a:pt x="175" y="755"/>
                  </a:lnTo>
                  <a:lnTo>
                    <a:pt x="217" y="770"/>
                  </a:lnTo>
                  <a:lnTo>
                    <a:pt x="298" y="783"/>
                  </a:lnTo>
                  <a:lnTo>
                    <a:pt x="370" y="783"/>
                  </a:lnTo>
                  <a:lnTo>
                    <a:pt x="457" y="770"/>
                  </a:lnTo>
                  <a:lnTo>
                    <a:pt x="405" y="791"/>
                  </a:lnTo>
                  <a:lnTo>
                    <a:pt x="355" y="806"/>
                  </a:lnTo>
                  <a:lnTo>
                    <a:pt x="274" y="806"/>
                  </a:lnTo>
                  <a:lnTo>
                    <a:pt x="159" y="799"/>
                  </a:lnTo>
                  <a:lnTo>
                    <a:pt x="196" y="814"/>
                  </a:lnTo>
                  <a:lnTo>
                    <a:pt x="240" y="820"/>
                  </a:lnTo>
                  <a:lnTo>
                    <a:pt x="340" y="820"/>
                  </a:lnTo>
                  <a:lnTo>
                    <a:pt x="405" y="820"/>
                  </a:lnTo>
                  <a:lnTo>
                    <a:pt x="470" y="806"/>
                  </a:lnTo>
                  <a:lnTo>
                    <a:pt x="530" y="791"/>
                  </a:lnTo>
                  <a:lnTo>
                    <a:pt x="572" y="770"/>
                  </a:lnTo>
                  <a:lnTo>
                    <a:pt x="624" y="755"/>
                  </a:lnTo>
                  <a:lnTo>
                    <a:pt x="660" y="718"/>
                  </a:lnTo>
                  <a:lnTo>
                    <a:pt x="697" y="682"/>
                  </a:lnTo>
                  <a:lnTo>
                    <a:pt x="726" y="640"/>
                  </a:lnTo>
                  <a:lnTo>
                    <a:pt x="731" y="616"/>
                  </a:lnTo>
                  <a:lnTo>
                    <a:pt x="739" y="574"/>
                  </a:lnTo>
                  <a:lnTo>
                    <a:pt x="739" y="522"/>
                  </a:lnTo>
                  <a:lnTo>
                    <a:pt x="731" y="501"/>
                  </a:lnTo>
                  <a:lnTo>
                    <a:pt x="726" y="480"/>
                  </a:lnTo>
                  <a:lnTo>
                    <a:pt x="726" y="450"/>
                  </a:lnTo>
                  <a:lnTo>
                    <a:pt x="739" y="457"/>
                  </a:lnTo>
                  <a:lnTo>
                    <a:pt x="747" y="465"/>
                  </a:lnTo>
                  <a:lnTo>
                    <a:pt x="762" y="538"/>
                  </a:lnTo>
                  <a:lnTo>
                    <a:pt x="768" y="494"/>
                  </a:lnTo>
                  <a:lnTo>
                    <a:pt x="762" y="450"/>
                  </a:lnTo>
                  <a:lnTo>
                    <a:pt x="747" y="421"/>
                  </a:lnTo>
                  <a:lnTo>
                    <a:pt x="731" y="400"/>
                  </a:lnTo>
                  <a:lnTo>
                    <a:pt x="731" y="392"/>
                  </a:lnTo>
                  <a:lnTo>
                    <a:pt x="739" y="400"/>
                  </a:lnTo>
                  <a:lnTo>
                    <a:pt x="762" y="407"/>
                  </a:lnTo>
                  <a:lnTo>
                    <a:pt x="768" y="421"/>
                  </a:lnTo>
                  <a:lnTo>
                    <a:pt x="783" y="457"/>
                  </a:lnTo>
                  <a:lnTo>
                    <a:pt x="791" y="501"/>
                  </a:lnTo>
                  <a:lnTo>
                    <a:pt x="783" y="545"/>
                  </a:lnTo>
                  <a:lnTo>
                    <a:pt x="783" y="632"/>
                  </a:lnTo>
                  <a:lnTo>
                    <a:pt x="776" y="632"/>
                  </a:lnTo>
                  <a:lnTo>
                    <a:pt x="559" y="421"/>
                  </a:lnTo>
                  <a:lnTo>
                    <a:pt x="543" y="501"/>
                  </a:lnTo>
                  <a:lnTo>
                    <a:pt x="514" y="559"/>
                  </a:lnTo>
                  <a:lnTo>
                    <a:pt x="501" y="580"/>
                  </a:lnTo>
                  <a:lnTo>
                    <a:pt x="470" y="603"/>
                  </a:lnTo>
                  <a:lnTo>
                    <a:pt x="399" y="640"/>
                  </a:lnTo>
                  <a:lnTo>
                    <a:pt x="334" y="632"/>
                  </a:lnTo>
                  <a:lnTo>
                    <a:pt x="269" y="611"/>
                  </a:lnTo>
                  <a:lnTo>
                    <a:pt x="217" y="580"/>
                  </a:lnTo>
                  <a:lnTo>
                    <a:pt x="180" y="545"/>
                  </a:lnTo>
                  <a:lnTo>
                    <a:pt x="159" y="501"/>
                  </a:lnTo>
                  <a:lnTo>
                    <a:pt x="138" y="465"/>
                  </a:lnTo>
                  <a:lnTo>
                    <a:pt x="130" y="428"/>
                  </a:lnTo>
                  <a:lnTo>
                    <a:pt x="130" y="392"/>
                  </a:lnTo>
                  <a:lnTo>
                    <a:pt x="130" y="334"/>
                  </a:lnTo>
                  <a:lnTo>
                    <a:pt x="138" y="298"/>
                  </a:lnTo>
                  <a:lnTo>
                    <a:pt x="152" y="261"/>
                  </a:lnTo>
                  <a:lnTo>
                    <a:pt x="167" y="240"/>
                  </a:lnTo>
                  <a:lnTo>
                    <a:pt x="217" y="204"/>
                  </a:lnTo>
                  <a:lnTo>
                    <a:pt x="282" y="160"/>
                  </a:lnTo>
                  <a:lnTo>
                    <a:pt x="298" y="160"/>
                  </a:lnTo>
                  <a:lnTo>
                    <a:pt x="298" y="152"/>
                  </a:lnTo>
                  <a:lnTo>
                    <a:pt x="240" y="167"/>
                  </a:lnTo>
                  <a:lnTo>
                    <a:pt x="196" y="196"/>
                  </a:lnTo>
                  <a:lnTo>
                    <a:pt x="152" y="233"/>
                  </a:lnTo>
                  <a:lnTo>
                    <a:pt x="115" y="269"/>
                  </a:lnTo>
                  <a:lnTo>
                    <a:pt x="115" y="277"/>
                  </a:lnTo>
                  <a:lnTo>
                    <a:pt x="109" y="277"/>
                  </a:lnTo>
                  <a:lnTo>
                    <a:pt x="130" y="233"/>
                  </a:lnTo>
                  <a:lnTo>
                    <a:pt x="159" y="189"/>
                  </a:lnTo>
                  <a:lnTo>
                    <a:pt x="196" y="160"/>
                  </a:lnTo>
                  <a:lnTo>
                    <a:pt x="240" y="139"/>
                  </a:lnTo>
                  <a:lnTo>
                    <a:pt x="274" y="123"/>
                  </a:lnTo>
                  <a:lnTo>
                    <a:pt x="319" y="110"/>
                  </a:lnTo>
                  <a:lnTo>
                    <a:pt x="376" y="102"/>
                  </a:lnTo>
                  <a:lnTo>
                    <a:pt x="370" y="94"/>
                  </a:lnTo>
                  <a:lnTo>
                    <a:pt x="347" y="87"/>
                  </a:lnTo>
                  <a:lnTo>
                    <a:pt x="326" y="81"/>
                  </a:lnTo>
                  <a:lnTo>
                    <a:pt x="311" y="73"/>
                  </a:lnTo>
                  <a:lnTo>
                    <a:pt x="340" y="66"/>
                  </a:lnTo>
                  <a:lnTo>
                    <a:pt x="370" y="58"/>
                  </a:lnTo>
                  <a:lnTo>
                    <a:pt x="413" y="66"/>
                  </a:lnTo>
                  <a:lnTo>
                    <a:pt x="493" y="94"/>
                  </a:lnTo>
                  <a:lnTo>
                    <a:pt x="486" y="123"/>
                  </a:lnTo>
                  <a:lnTo>
                    <a:pt x="478" y="146"/>
                  </a:lnTo>
                  <a:lnTo>
                    <a:pt x="478" y="181"/>
                  </a:lnTo>
                  <a:lnTo>
                    <a:pt x="501" y="175"/>
                  </a:lnTo>
                  <a:lnTo>
                    <a:pt x="507" y="181"/>
                  </a:lnTo>
                  <a:lnTo>
                    <a:pt x="478" y="212"/>
                  </a:lnTo>
                  <a:lnTo>
                    <a:pt x="449" y="233"/>
                  </a:lnTo>
                  <a:lnTo>
                    <a:pt x="478" y="240"/>
                  </a:lnTo>
                  <a:lnTo>
                    <a:pt x="501" y="240"/>
                  </a:lnTo>
                  <a:lnTo>
                    <a:pt x="514" y="248"/>
                  </a:lnTo>
                  <a:lnTo>
                    <a:pt x="514" y="254"/>
                  </a:lnTo>
                  <a:lnTo>
                    <a:pt x="522" y="261"/>
                  </a:lnTo>
                  <a:lnTo>
                    <a:pt x="530" y="261"/>
                  </a:lnTo>
                  <a:lnTo>
                    <a:pt x="543" y="269"/>
                  </a:lnTo>
                  <a:lnTo>
                    <a:pt x="551" y="290"/>
                  </a:lnTo>
                  <a:lnTo>
                    <a:pt x="566" y="327"/>
                  </a:lnTo>
                  <a:lnTo>
                    <a:pt x="566" y="379"/>
                  </a:lnTo>
                  <a:lnTo>
                    <a:pt x="559" y="421"/>
                  </a:lnTo>
                  <a:lnTo>
                    <a:pt x="776" y="632"/>
                  </a:lnTo>
                  <a:close/>
                </a:path>
              </a:pathLst>
            </a:custGeom>
            <a:gradFill>
              <a:gsLst>
                <a:gs pos="0">
                  <a:schemeClr val="accent1">
                    <a:alpha val="20000"/>
                  </a:schemeClr>
                </a:gs>
                <a:gs pos="100000">
                  <a:schemeClr val="accent1">
                    <a:lumMod val="20000"/>
                    <a:lumOff val="80000"/>
                  </a:schemeClr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32" name="フリーフォーム 31"/>
            <p:cNvSpPr>
              <a:spLocks/>
            </p:cNvSpPr>
            <p:nvPr/>
          </p:nvSpPr>
          <p:spPr bwMode="auto">
            <a:xfrm>
              <a:off x="7358082" y="4714884"/>
              <a:ext cx="251974" cy="453319"/>
            </a:xfrm>
            <a:custGeom>
              <a:avLst/>
              <a:gdLst>
                <a:gd name="T0" fmla="*/ 0 w 144"/>
                <a:gd name="T1" fmla="*/ 0 h 261"/>
                <a:gd name="T2" fmla="*/ 66675 w 144"/>
                <a:gd name="T3" fmla="*/ 149225 h 261"/>
                <a:gd name="T4" fmla="*/ 138113 w 144"/>
                <a:gd name="T5" fmla="*/ 274638 h 261"/>
                <a:gd name="T6" fmla="*/ 207963 w 144"/>
                <a:gd name="T7" fmla="*/ 357188 h 261"/>
                <a:gd name="T8" fmla="*/ 228600 w 144"/>
                <a:gd name="T9" fmla="*/ 414338 h 261"/>
                <a:gd name="T10" fmla="*/ 125413 w 144"/>
                <a:gd name="T11" fmla="*/ 331788 h 261"/>
                <a:gd name="T12" fmla="*/ 92075 w 144"/>
                <a:gd name="T13" fmla="*/ 274638 h 261"/>
                <a:gd name="T14" fmla="*/ 46038 w 144"/>
                <a:gd name="T15" fmla="*/ 195263 h 261"/>
                <a:gd name="T16" fmla="*/ 12700 w 144"/>
                <a:gd name="T17" fmla="*/ 103188 h 261"/>
                <a:gd name="T18" fmla="*/ 12700 w 144"/>
                <a:gd name="T19" fmla="*/ 0 h 261"/>
                <a:gd name="T20" fmla="*/ 0 w 144"/>
                <a:gd name="T21" fmla="*/ 0 h 261"/>
                <a:gd name="T22" fmla="*/ 0 1 256"/>
                <a:gd name="T23" fmla="*/ 0 1 256"/>
                <a:gd name="T24" fmla="*/ 0 1 256"/>
                <a:gd name="T25" fmla="*/ 0 1 256"/>
                <a:gd name="T26" fmla="*/ 0 1 256"/>
                <a:gd name="T27" fmla="*/ 0 1 256"/>
                <a:gd name="T28" fmla="*/ 0 1 256"/>
                <a:gd name="T29" fmla="*/ 0 1 256"/>
                <a:gd name="T30" fmla="*/ 0 1 256"/>
                <a:gd name="T31" fmla="*/ 0 1 256"/>
                <a:gd name="T32" fmla="*/ 0 1 256"/>
                <a:gd name="T33" fmla="*/ 0 w 144"/>
                <a:gd name="T34" fmla="*/ 0 h 261"/>
                <a:gd name="T35" fmla="*/ 0 w 144"/>
                <a:gd name="T36" fmla="*/ 0 h 261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T33" t="T34" r="T35" b="T36"/>
              <a:pathLst>
                <a:path w="144" h="261">
                  <a:moveTo>
                    <a:pt x="0" y="0"/>
                  </a:moveTo>
                  <a:lnTo>
                    <a:pt x="42" y="94"/>
                  </a:lnTo>
                  <a:lnTo>
                    <a:pt x="87" y="173"/>
                  </a:lnTo>
                  <a:lnTo>
                    <a:pt x="131" y="225"/>
                  </a:lnTo>
                  <a:lnTo>
                    <a:pt x="144" y="261"/>
                  </a:lnTo>
                  <a:lnTo>
                    <a:pt x="79" y="209"/>
                  </a:lnTo>
                  <a:lnTo>
                    <a:pt x="58" y="173"/>
                  </a:lnTo>
                  <a:lnTo>
                    <a:pt x="29" y="123"/>
                  </a:lnTo>
                  <a:lnTo>
                    <a:pt x="8" y="65"/>
                  </a:lnTo>
                  <a:lnTo>
                    <a:pt x="8" y="0"/>
                  </a:lnTo>
                  <a:lnTo>
                    <a:pt x="0" y="0"/>
                  </a:lnTo>
                  <a:close/>
                </a:path>
              </a:pathLst>
            </a:custGeom>
            <a:gradFill>
              <a:gsLst>
                <a:gs pos="0">
                  <a:schemeClr val="accent1">
                    <a:alpha val="20000"/>
                  </a:schemeClr>
                </a:gs>
                <a:gs pos="100000">
                  <a:schemeClr val="accent1">
                    <a:lumMod val="20000"/>
                    <a:lumOff val="80000"/>
                  </a:schemeClr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9" name="グループ化 8"/>
          <p:cNvGrpSpPr/>
          <p:nvPr/>
        </p:nvGrpSpPr>
        <p:grpSpPr>
          <a:xfrm>
            <a:off x="6341934" y="5000636"/>
            <a:ext cx="1071570" cy="1036602"/>
            <a:chOff x="6357950" y="5000636"/>
            <a:chExt cx="1071570" cy="1036602"/>
          </a:xfrm>
          <a:gradFill>
            <a:gsLst>
              <a:gs pos="0">
                <a:schemeClr val="accent1">
                  <a:alpha val="20000"/>
                </a:schemeClr>
              </a:gs>
              <a:gs pos="100000">
                <a:schemeClr val="accent1">
                  <a:lumMod val="20000"/>
                  <a:lumOff val="80000"/>
                </a:schemeClr>
              </a:gs>
            </a:gsLst>
            <a:lin ang="5400000" scaled="1"/>
          </a:gradFill>
        </p:grpSpPr>
        <p:sp>
          <p:nvSpPr>
            <p:cNvPr id="34" name="フリーフォーム 33"/>
            <p:cNvSpPr>
              <a:spLocks/>
            </p:cNvSpPr>
            <p:nvPr/>
          </p:nvSpPr>
          <p:spPr bwMode="auto">
            <a:xfrm rot="21162566">
              <a:off x="6357950" y="5000636"/>
              <a:ext cx="1071570" cy="1036602"/>
            </a:xfrm>
            <a:custGeom>
              <a:avLst/>
              <a:gdLst>
                <a:gd name="T0" fmla="*/ 320675 w 551"/>
                <a:gd name="T1" fmla="*/ 11112 h 537"/>
                <a:gd name="T2" fmla="*/ 331787 w 551"/>
                <a:gd name="T3" fmla="*/ 11112 h 537"/>
                <a:gd name="T4" fmla="*/ 265112 w 551"/>
                <a:gd name="T5" fmla="*/ 93662 h 537"/>
                <a:gd name="T6" fmla="*/ 171450 w 551"/>
                <a:gd name="T7" fmla="*/ 185737 h 537"/>
                <a:gd name="T8" fmla="*/ 112712 w 551"/>
                <a:gd name="T9" fmla="*/ 334962 h 537"/>
                <a:gd name="T10" fmla="*/ 136525 w 551"/>
                <a:gd name="T11" fmla="*/ 495300 h 537"/>
                <a:gd name="T12" fmla="*/ 241300 w 551"/>
                <a:gd name="T13" fmla="*/ 633412 h 537"/>
                <a:gd name="T14" fmla="*/ 401637 w 551"/>
                <a:gd name="T15" fmla="*/ 715962 h 537"/>
                <a:gd name="T16" fmla="*/ 563562 w 551"/>
                <a:gd name="T17" fmla="*/ 715962 h 537"/>
                <a:gd name="T18" fmla="*/ 688975 w 551"/>
                <a:gd name="T19" fmla="*/ 600075 h 537"/>
                <a:gd name="T20" fmla="*/ 701675 w 551"/>
                <a:gd name="T21" fmla="*/ 495300 h 537"/>
                <a:gd name="T22" fmla="*/ 642937 w 551"/>
                <a:gd name="T23" fmla="*/ 358775 h 537"/>
                <a:gd name="T24" fmla="*/ 701675 w 551"/>
                <a:gd name="T25" fmla="*/ 404812 h 537"/>
                <a:gd name="T26" fmla="*/ 622300 w 551"/>
                <a:gd name="T27" fmla="*/ 288925 h 537"/>
                <a:gd name="T28" fmla="*/ 735012 w 551"/>
                <a:gd name="T29" fmla="*/ 392112 h 537"/>
                <a:gd name="T30" fmla="*/ 758825 w 551"/>
                <a:gd name="T31" fmla="*/ 471487 h 537"/>
                <a:gd name="T32" fmla="*/ 735012 w 551"/>
                <a:gd name="T33" fmla="*/ 587375 h 537"/>
                <a:gd name="T34" fmla="*/ 746125 w 551"/>
                <a:gd name="T35" fmla="*/ 577850 h 537"/>
                <a:gd name="T36" fmla="*/ 792162 w 551"/>
                <a:gd name="T37" fmla="*/ 495300 h 537"/>
                <a:gd name="T38" fmla="*/ 792162 w 551"/>
                <a:gd name="T39" fmla="*/ 415925 h 537"/>
                <a:gd name="T40" fmla="*/ 725487 w 551"/>
                <a:gd name="T41" fmla="*/ 263525 h 537"/>
                <a:gd name="T42" fmla="*/ 746125 w 551"/>
                <a:gd name="T43" fmla="*/ 242887 h 537"/>
                <a:gd name="T44" fmla="*/ 642937 w 551"/>
                <a:gd name="T45" fmla="*/ 160337 h 537"/>
                <a:gd name="T46" fmla="*/ 527050 w 551"/>
                <a:gd name="T47" fmla="*/ 139700 h 537"/>
                <a:gd name="T48" fmla="*/ 517525 w 551"/>
                <a:gd name="T49" fmla="*/ 127000 h 537"/>
                <a:gd name="T50" fmla="*/ 527050 w 551"/>
                <a:gd name="T51" fmla="*/ 103187 h 537"/>
                <a:gd name="T52" fmla="*/ 585787 w 551"/>
                <a:gd name="T53" fmla="*/ 80962 h 537"/>
                <a:gd name="T54" fmla="*/ 782637 w 551"/>
                <a:gd name="T55" fmla="*/ 196850 h 537"/>
                <a:gd name="T56" fmla="*/ 862012 w 551"/>
                <a:gd name="T57" fmla="*/ 334962 h 537"/>
                <a:gd name="T58" fmla="*/ 862012 w 551"/>
                <a:gd name="T59" fmla="*/ 495300 h 537"/>
                <a:gd name="T60" fmla="*/ 804862 w 551"/>
                <a:gd name="T61" fmla="*/ 669925 h 537"/>
                <a:gd name="T62" fmla="*/ 688975 w 551"/>
                <a:gd name="T63" fmla="*/ 785812 h 537"/>
                <a:gd name="T64" fmla="*/ 563562 w 551"/>
                <a:gd name="T65" fmla="*/ 842962 h 537"/>
                <a:gd name="T66" fmla="*/ 390525 w 551"/>
                <a:gd name="T67" fmla="*/ 852487 h 537"/>
                <a:gd name="T68" fmla="*/ 207962 w 551"/>
                <a:gd name="T69" fmla="*/ 793750 h 537"/>
                <a:gd name="T70" fmla="*/ 57150 w 551"/>
                <a:gd name="T71" fmla="*/ 669925 h 537"/>
                <a:gd name="T72" fmla="*/ 46037 w 551"/>
                <a:gd name="T73" fmla="*/ 611187 h 537"/>
                <a:gd name="T74" fmla="*/ 92075 w 551"/>
                <a:gd name="T75" fmla="*/ 690562 h 537"/>
                <a:gd name="T76" fmla="*/ 103187 w 551"/>
                <a:gd name="T77" fmla="*/ 681037 h 537"/>
                <a:gd name="T78" fmla="*/ 112712 w 551"/>
                <a:gd name="T79" fmla="*/ 690562 h 537"/>
                <a:gd name="T80" fmla="*/ 33337 w 551"/>
                <a:gd name="T81" fmla="*/ 528637 h 537"/>
                <a:gd name="T82" fmla="*/ 0 w 551"/>
                <a:gd name="T83" fmla="*/ 379412 h 537"/>
                <a:gd name="T84" fmla="*/ 9525 w 551"/>
                <a:gd name="T85" fmla="*/ 404812 h 537"/>
                <a:gd name="T86" fmla="*/ 46037 w 551"/>
                <a:gd name="T87" fmla="*/ 368300 h 537"/>
                <a:gd name="T88" fmla="*/ 79375 w 551"/>
                <a:gd name="T89" fmla="*/ 219075 h 537"/>
                <a:gd name="T90" fmla="*/ 182562 w 551"/>
                <a:gd name="T91" fmla="*/ 103187 h 537"/>
                <a:gd name="T92" fmla="*/ 265112 w 551"/>
                <a:gd name="T93" fmla="*/ 57150 h 537"/>
                <a:gd name="T94" fmla="*/ 311150 w 551"/>
                <a:gd name="T95" fmla="*/ 23812 h 537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1 256"/>
                <a:gd name="T142" fmla="*/ 0 1 256"/>
                <a:gd name="T143" fmla="*/ 0 1 256"/>
                <a:gd name="T144" fmla="*/ 0 w 551"/>
                <a:gd name="T145" fmla="*/ 0 h 537"/>
                <a:gd name="T146" fmla="*/ 0 w 551"/>
                <a:gd name="T147" fmla="*/ 0 h 537"/>
              </a:gdLst>
              <a:ahLst/>
              <a:cxnLst>
                <a:cxn ang="T96">
                  <a:pos x="T0" y="T1"/>
                </a:cxn>
                <a:cxn ang="T97">
                  <a:pos x="T2" y="T3"/>
                </a:cxn>
                <a:cxn ang="T98">
                  <a:pos x="T4" y="T5"/>
                </a:cxn>
                <a:cxn ang="T99">
                  <a:pos x="T6" y="T7"/>
                </a:cxn>
                <a:cxn ang="T100">
                  <a:pos x="T8" y="T9"/>
                </a:cxn>
                <a:cxn ang="T101">
                  <a:pos x="T10" y="T11"/>
                </a:cxn>
                <a:cxn ang="T102">
                  <a:pos x="T12" y="T13"/>
                </a:cxn>
                <a:cxn ang="T103">
                  <a:pos x="T14" y="T15"/>
                </a:cxn>
                <a:cxn ang="T104">
                  <a:pos x="T16" y="T17"/>
                </a:cxn>
                <a:cxn ang="T105">
                  <a:pos x="T18" y="T19"/>
                </a:cxn>
                <a:cxn ang="T106">
                  <a:pos x="T20" y="T21"/>
                </a:cxn>
                <a:cxn ang="T107">
                  <a:pos x="T22" y="T23"/>
                </a:cxn>
                <a:cxn ang="T108">
                  <a:pos x="T24" y="T25"/>
                </a:cxn>
                <a:cxn ang="T109">
                  <a:pos x="T26" y="T27"/>
                </a:cxn>
                <a:cxn ang="T110">
                  <a:pos x="T28" y="T29"/>
                </a:cxn>
                <a:cxn ang="T111">
                  <a:pos x="T30" y="T31"/>
                </a:cxn>
                <a:cxn ang="T112">
                  <a:pos x="T32" y="T33"/>
                </a:cxn>
                <a:cxn ang="T113">
                  <a:pos x="T34" y="T35"/>
                </a:cxn>
                <a:cxn ang="T114">
                  <a:pos x="T36" y="T37"/>
                </a:cxn>
                <a:cxn ang="T115">
                  <a:pos x="T38" y="T39"/>
                </a:cxn>
                <a:cxn ang="T116">
                  <a:pos x="T40" y="T41"/>
                </a:cxn>
                <a:cxn ang="T117">
                  <a:pos x="T42" y="T43"/>
                </a:cxn>
                <a:cxn ang="T118">
                  <a:pos x="T44" y="T45"/>
                </a:cxn>
                <a:cxn ang="T119">
                  <a:pos x="T46" y="T47"/>
                </a:cxn>
                <a:cxn ang="T120">
                  <a:pos x="T48" y="T49"/>
                </a:cxn>
                <a:cxn ang="T121">
                  <a:pos x="T50" y="T51"/>
                </a:cxn>
                <a:cxn ang="T122">
                  <a:pos x="T52" y="T53"/>
                </a:cxn>
                <a:cxn ang="T123">
                  <a:pos x="T54" y="T55"/>
                </a:cxn>
                <a:cxn ang="T124">
                  <a:pos x="T56" y="T57"/>
                </a:cxn>
                <a:cxn ang="T125">
                  <a:pos x="T58" y="T59"/>
                </a:cxn>
                <a:cxn ang="T126">
                  <a:pos x="T60" y="T61"/>
                </a:cxn>
                <a:cxn ang="T127">
                  <a:pos x="T62" y="T63"/>
                </a:cxn>
                <a:cxn ang="T128">
                  <a:pos x="T64" y="T65"/>
                </a:cxn>
                <a:cxn ang="T129">
                  <a:pos x="T66" y="T67"/>
                </a:cxn>
                <a:cxn ang="T130">
                  <a:pos x="T68" y="T69"/>
                </a:cxn>
                <a:cxn ang="T131">
                  <a:pos x="T70" y="T71"/>
                </a:cxn>
                <a:cxn ang="T132">
                  <a:pos x="T72" y="T73"/>
                </a:cxn>
                <a:cxn ang="T133">
                  <a:pos x="T74" y="T75"/>
                </a:cxn>
                <a:cxn ang="T134">
                  <a:pos x="T76" y="T77"/>
                </a:cxn>
                <a:cxn ang="T135">
                  <a:pos x="T78" y="T79"/>
                </a:cxn>
                <a:cxn ang="T136">
                  <a:pos x="T80" y="T81"/>
                </a:cxn>
                <a:cxn ang="T137">
                  <a:pos x="T82" y="T83"/>
                </a:cxn>
                <a:cxn ang="T138">
                  <a:pos x="T84" y="T85"/>
                </a:cxn>
                <a:cxn ang="T139">
                  <a:pos x="T86" y="T87"/>
                </a:cxn>
                <a:cxn ang="T140">
                  <a:pos x="T88" y="T89"/>
                </a:cxn>
                <a:cxn ang="T141">
                  <a:pos x="T90" y="T91"/>
                </a:cxn>
                <a:cxn ang="T142">
                  <a:pos x="T92" y="T93"/>
                </a:cxn>
                <a:cxn ang="T143">
                  <a:pos x="T94" y="T95"/>
                </a:cxn>
              </a:cxnLst>
              <a:rect l="T144" t="T145" r="T146" b="T147"/>
              <a:pathLst>
                <a:path w="551" h="537">
                  <a:moveTo>
                    <a:pt x="196" y="15"/>
                  </a:moveTo>
                  <a:lnTo>
                    <a:pt x="202" y="7"/>
                  </a:lnTo>
                  <a:lnTo>
                    <a:pt x="217" y="0"/>
                  </a:lnTo>
                  <a:lnTo>
                    <a:pt x="209" y="7"/>
                  </a:lnTo>
                  <a:lnTo>
                    <a:pt x="196" y="30"/>
                  </a:lnTo>
                  <a:lnTo>
                    <a:pt x="167" y="59"/>
                  </a:lnTo>
                  <a:lnTo>
                    <a:pt x="136" y="80"/>
                  </a:lnTo>
                  <a:lnTo>
                    <a:pt x="108" y="117"/>
                  </a:lnTo>
                  <a:lnTo>
                    <a:pt x="86" y="174"/>
                  </a:lnTo>
                  <a:lnTo>
                    <a:pt x="71" y="211"/>
                  </a:lnTo>
                  <a:lnTo>
                    <a:pt x="71" y="247"/>
                  </a:lnTo>
                  <a:lnTo>
                    <a:pt x="86" y="312"/>
                  </a:lnTo>
                  <a:lnTo>
                    <a:pt x="115" y="364"/>
                  </a:lnTo>
                  <a:lnTo>
                    <a:pt x="152" y="399"/>
                  </a:lnTo>
                  <a:lnTo>
                    <a:pt x="196" y="435"/>
                  </a:lnTo>
                  <a:lnTo>
                    <a:pt x="253" y="451"/>
                  </a:lnTo>
                  <a:lnTo>
                    <a:pt x="303" y="458"/>
                  </a:lnTo>
                  <a:lnTo>
                    <a:pt x="355" y="451"/>
                  </a:lnTo>
                  <a:lnTo>
                    <a:pt x="392" y="435"/>
                  </a:lnTo>
                  <a:lnTo>
                    <a:pt x="434" y="378"/>
                  </a:lnTo>
                  <a:lnTo>
                    <a:pt x="442" y="356"/>
                  </a:lnTo>
                  <a:lnTo>
                    <a:pt x="442" y="312"/>
                  </a:lnTo>
                  <a:lnTo>
                    <a:pt x="434" y="284"/>
                  </a:lnTo>
                  <a:lnTo>
                    <a:pt x="405" y="226"/>
                  </a:lnTo>
                  <a:lnTo>
                    <a:pt x="413" y="226"/>
                  </a:lnTo>
                  <a:lnTo>
                    <a:pt x="442" y="255"/>
                  </a:lnTo>
                  <a:lnTo>
                    <a:pt x="442" y="232"/>
                  </a:lnTo>
                  <a:lnTo>
                    <a:pt x="392" y="182"/>
                  </a:lnTo>
                  <a:lnTo>
                    <a:pt x="405" y="182"/>
                  </a:lnTo>
                  <a:lnTo>
                    <a:pt x="463" y="247"/>
                  </a:lnTo>
                  <a:lnTo>
                    <a:pt x="470" y="276"/>
                  </a:lnTo>
                  <a:lnTo>
                    <a:pt x="478" y="297"/>
                  </a:lnTo>
                  <a:lnTo>
                    <a:pt x="478" y="320"/>
                  </a:lnTo>
                  <a:lnTo>
                    <a:pt x="463" y="370"/>
                  </a:lnTo>
                  <a:lnTo>
                    <a:pt x="470" y="370"/>
                  </a:lnTo>
                  <a:lnTo>
                    <a:pt x="470" y="364"/>
                  </a:lnTo>
                  <a:lnTo>
                    <a:pt x="486" y="341"/>
                  </a:lnTo>
                  <a:lnTo>
                    <a:pt x="499" y="312"/>
                  </a:lnTo>
                  <a:lnTo>
                    <a:pt x="499" y="291"/>
                  </a:lnTo>
                  <a:lnTo>
                    <a:pt x="499" y="262"/>
                  </a:lnTo>
                  <a:lnTo>
                    <a:pt x="478" y="211"/>
                  </a:lnTo>
                  <a:lnTo>
                    <a:pt x="457" y="166"/>
                  </a:lnTo>
                  <a:lnTo>
                    <a:pt x="463" y="161"/>
                  </a:lnTo>
                  <a:lnTo>
                    <a:pt x="470" y="153"/>
                  </a:lnTo>
                  <a:lnTo>
                    <a:pt x="442" y="124"/>
                  </a:lnTo>
                  <a:lnTo>
                    <a:pt x="405" y="101"/>
                  </a:lnTo>
                  <a:lnTo>
                    <a:pt x="355" y="95"/>
                  </a:lnTo>
                  <a:lnTo>
                    <a:pt x="332" y="88"/>
                  </a:lnTo>
                  <a:lnTo>
                    <a:pt x="311" y="80"/>
                  </a:lnTo>
                  <a:lnTo>
                    <a:pt x="326" y="80"/>
                  </a:lnTo>
                  <a:lnTo>
                    <a:pt x="369" y="65"/>
                  </a:lnTo>
                  <a:lnTo>
                    <a:pt x="332" y="65"/>
                  </a:lnTo>
                  <a:lnTo>
                    <a:pt x="332" y="51"/>
                  </a:lnTo>
                  <a:lnTo>
                    <a:pt x="369" y="51"/>
                  </a:lnTo>
                  <a:lnTo>
                    <a:pt x="457" y="95"/>
                  </a:lnTo>
                  <a:lnTo>
                    <a:pt x="493" y="124"/>
                  </a:lnTo>
                  <a:lnTo>
                    <a:pt x="522" y="161"/>
                  </a:lnTo>
                  <a:lnTo>
                    <a:pt x="543" y="211"/>
                  </a:lnTo>
                  <a:lnTo>
                    <a:pt x="551" y="268"/>
                  </a:lnTo>
                  <a:lnTo>
                    <a:pt x="543" y="312"/>
                  </a:lnTo>
                  <a:lnTo>
                    <a:pt x="528" y="370"/>
                  </a:lnTo>
                  <a:lnTo>
                    <a:pt x="507" y="422"/>
                  </a:lnTo>
                  <a:lnTo>
                    <a:pt x="470" y="464"/>
                  </a:lnTo>
                  <a:lnTo>
                    <a:pt x="434" y="495"/>
                  </a:lnTo>
                  <a:lnTo>
                    <a:pt x="397" y="516"/>
                  </a:lnTo>
                  <a:lnTo>
                    <a:pt x="355" y="531"/>
                  </a:lnTo>
                  <a:lnTo>
                    <a:pt x="303" y="537"/>
                  </a:lnTo>
                  <a:lnTo>
                    <a:pt x="246" y="537"/>
                  </a:lnTo>
                  <a:lnTo>
                    <a:pt x="188" y="523"/>
                  </a:lnTo>
                  <a:lnTo>
                    <a:pt x="131" y="500"/>
                  </a:lnTo>
                  <a:lnTo>
                    <a:pt x="79" y="464"/>
                  </a:lnTo>
                  <a:lnTo>
                    <a:pt x="36" y="422"/>
                  </a:lnTo>
                  <a:lnTo>
                    <a:pt x="0" y="356"/>
                  </a:lnTo>
                  <a:lnTo>
                    <a:pt x="29" y="385"/>
                  </a:lnTo>
                  <a:lnTo>
                    <a:pt x="50" y="429"/>
                  </a:lnTo>
                  <a:lnTo>
                    <a:pt x="58" y="435"/>
                  </a:lnTo>
                  <a:lnTo>
                    <a:pt x="58" y="429"/>
                  </a:lnTo>
                  <a:lnTo>
                    <a:pt x="65" y="429"/>
                  </a:lnTo>
                  <a:lnTo>
                    <a:pt x="71" y="429"/>
                  </a:lnTo>
                  <a:lnTo>
                    <a:pt x="71" y="435"/>
                  </a:lnTo>
                  <a:lnTo>
                    <a:pt x="42" y="393"/>
                  </a:lnTo>
                  <a:lnTo>
                    <a:pt x="21" y="333"/>
                  </a:lnTo>
                  <a:lnTo>
                    <a:pt x="0" y="276"/>
                  </a:lnTo>
                  <a:lnTo>
                    <a:pt x="0" y="239"/>
                  </a:lnTo>
                  <a:lnTo>
                    <a:pt x="0" y="197"/>
                  </a:lnTo>
                  <a:lnTo>
                    <a:pt x="6" y="255"/>
                  </a:lnTo>
                  <a:lnTo>
                    <a:pt x="29" y="297"/>
                  </a:lnTo>
                  <a:lnTo>
                    <a:pt x="29" y="232"/>
                  </a:lnTo>
                  <a:lnTo>
                    <a:pt x="36" y="166"/>
                  </a:lnTo>
                  <a:lnTo>
                    <a:pt x="50" y="138"/>
                  </a:lnTo>
                  <a:lnTo>
                    <a:pt x="71" y="109"/>
                  </a:lnTo>
                  <a:lnTo>
                    <a:pt x="115" y="65"/>
                  </a:lnTo>
                  <a:lnTo>
                    <a:pt x="144" y="51"/>
                  </a:lnTo>
                  <a:lnTo>
                    <a:pt x="167" y="36"/>
                  </a:lnTo>
                  <a:lnTo>
                    <a:pt x="188" y="15"/>
                  </a:lnTo>
                  <a:lnTo>
                    <a:pt x="196" y="15"/>
                  </a:lnTo>
                  <a:close/>
                </a:path>
              </a:pathLst>
            </a:custGeom>
            <a:gradFill>
              <a:gsLst>
                <a:gs pos="0">
                  <a:schemeClr val="accent1">
                    <a:alpha val="20000"/>
                  </a:schemeClr>
                </a:gs>
                <a:gs pos="100000">
                  <a:schemeClr val="accent1">
                    <a:lumMod val="20000"/>
                    <a:lumOff val="80000"/>
                  </a:schemeClr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35" name="フリーフォーム 34"/>
            <p:cNvSpPr>
              <a:spLocks/>
            </p:cNvSpPr>
            <p:nvPr/>
          </p:nvSpPr>
          <p:spPr bwMode="auto">
            <a:xfrm>
              <a:off x="6715140" y="5214950"/>
              <a:ext cx="431310" cy="71438"/>
            </a:xfrm>
            <a:custGeom>
              <a:avLst/>
              <a:gdLst>
                <a:gd name="T0" fmla="*/ 0 w 232"/>
                <a:gd name="T1" fmla="*/ 0 h 44"/>
                <a:gd name="T2" fmla="*/ 196850 w 232"/>
                <a:gd name="T3" fmla="*/ 12700 h 44"/>
                <a:gd name="T4" fmla="*/ 301625 w 232"/>
                <a:gd name="T5" fmla="*/ 36513 h 44"/>
                <a:gd name="T6" fmla="*/ 334963 w 232"/>
                <a:gd name="T7" fmla="*/ 46038 h 44"/>
                <a:gd name="T8" fmla="*/ 358775 w 232"/>
                <a:gd name="T9" fmla="*/ 58738 h 44"/>
                <a:gd name="T10" fmla="*/ 368300 w 232"/>
                <a:gd name="T11" fmla="*/ 69850 h 44"/>
                <a:gd name="T12" fmla="*/ 346075 w 232"/>
                <a:gd name="T13" fmla="*/ 69850 h 44"/>
                <a:gd name="T14" fmla="*/ 288925 w 232"/>
                <a:gd name="T15" fmla="*/ 46038 h 44"/>
                <a:gd name="T16" fmla="*/ 219075 w 232"/>
                <a:gd name="T17" fmla="*/ 36513 h 44"/>
                <a:gd name="T18" fmla="*/ 219075 w 232"/>
                <a:gd name="T19" fmla="*/ 46038 h 44"/>
                <a:gd name="T20" fmla="*/ 242888 w 232"/>
                <a:gd name="T21" fmla="*/ 69850 h 44"/>
                <a:gd name="T22" fmla="*/ 219075 w 232"/>
                <a:gd name="T23" fmla="*/ 69850 h 44"/>
                <a:gd name="T24" fmla="*/ 196850 w 232"/>
                <a:gd name="T25" fmla="*/ 58738 h 44"/>
                <a:gd name="T26" fmla="*/ 173038 w 232"/>
                <a:gd name="T27" fmla="*/ 46038 h 44"/>
                <a:gd name="T28" fmla="*/ 11113 w 232"/>
                <a:gd name="T29" fmla="*/ 0 h 44"/>
                <a:gd name="T30" fmla="*/ 0 w 232"/>
                <a:gd name="T31" fmla="*/ 0 h 44"/>
                <a:gd name="T32" fmla="*/ 0 1 256"/>
                <a:gd name="T33" fmla="*/ 0 1 256"/>
                <a:gd name="T34" fmla="*/ 0 1 256"/>
                <a:gd name="T35" fmla="*/ 0 1 256"/>
                <a:gd name="T36" fmla="*/ 0 1 256"/>
                <a:gd name="T37" fmla="*/ 0 1 256"/>
                <a:gd name="T38" fmla="*/ 0 1 256"/>
                <a:gd name="T39" fmla="*/ 0 1 256"/>
                <a:gd name="T40" fmla="*/ 0 1 256"/>
                <a:gd name="T41" fmla="*/ 0 1 256"/>
                <a:gd name="T42" fmla="*/ 0 1 256"/>
                <a:gd name="T43" fmla="*/ 0 1 256"/>
                <a:gd name="T44" fmla="*/ 0 1 256"/>
                <a:gd name="T45" fmla="*/ 0 1 256"/>
                <a:gd name="T46" fmla="*/ 0 1 256"/>
                <a:gd name="T47" fmla="*/ 0 1 256"/>
                <a:gd name="T48" fmla="*/ 0 w 232"/>
                <a:gd name="T49" fmla="*/ 0 h 44"/>
                <a:gd name="T50" fmla="*/ 0 w 232"/>
                <a:gd name="T51" fmla="*/ 0 h 44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T48" t="T49" r="T50" b="T51"/>
              <a:pathLst>
                <a:path w="232" h="44">
                  <a:moveTo>
                    <a:pt x="0" y="0"/>
                  </a:moveTo>
                  <a:lnTo>
                    <a:pt x="124" y="8"/>
                  </a:lnTo>
                  <a:lnTo>
                    <a:pt x="190" y="23"/>
                  </a:lnTo>
                  <a:lnTo>
                    <a:pt x="211" y="29"/>
                  </a:lnTo>
                  <a:lnTo>
                    <a:pt x="226" y="37"/>
                  </a:lnTo>
                  <a:lnTo>
                    <a:pt x="232" y="44"/>
                  </a:lnTo>
                  <a:lnTo>
                    <a:pt x="218" y="44"/>
                  </a:lnTo>
                  <a:lnTo>
                    <a:pt x="182" y="29"/>
                  </a:lnTo>
                  <a:lnTo>
                    <a:pt x="138" y="23"/>
                  </a:lnTo>
                  <a:lnTo>
                    <a:pt x="138" y="29"/>
                  </a:lnTo>
                  <a:lnTo>
                    <a:pt x="153" y="44"/>
                  </a:lnTo>
                  <a:lnTo>
                    <a:pt x="138" y="44"/>
                  </a:lnTo>
                  <a:lnTo>
                    <a:pt x="124" y="37"/>
                  </a:lnTo>
                  <a:lnTo>
                    <a:pt x="109" y="29"/>
                  </a:lnTo>
                  <a:lnTo>
                    <a:pt x="7" y="0"/>
                  </a:lnTo>
                  <a:lnTo>
                    <a:pt x="0" y="0"/>
                  </a:lnTo>
                  <a:close/>
                </a:path>
              </a:pathLst>
            </a:custGeom>
            <a:gradFill>
              <a:gsLst>
                <a:gs pos="0">
                  <a:schemeClr val="accent1">
                    <a:alpha val="20000"/>
                  </a:schemeClr>
                </a:gs>
                <a:gs pos="100000">
                  <a:schemeClr val="accent1">
                    <a:lumMod val="20000"/>
                    <a:lumOff val="80000"/>
                  </a:schemeClr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36" name="フリーフォーム 35"/>
            <p:cNvSpPr>
              <a:spLocks/>
            </p:cNvSpPr>
            <p:nvPr/>
          </p:nvSpPr>
          <p:spPr bwMode="auto">
            <a:xfrm>
              <a:off x="6786578" y="5357826"/>
              <a:ext cx="232643" cy="71242"/>
            </a:xfrm>
            <a:custGeom>
              <a:avLst/>
              <a:gdLst>
                <a:gd name="T0" fmla="*/ 0 w 94"/>
                <a:gd name="T1" fmla="*/ 0 h 29"/>
                <a:gd name="T2" fmla="*/ 82550 w 94"/>
                <a:gd name="T3" fmla="*/ 12700 h 29"/>
                <a:gd name="T4" fmla="*/ 149225 w 94"/>
                <a:gd name="T5" fmla="*/ 33338 h 29"/>
                <a:gd name="T6" fmla="*/ 149225 w 94"/>
                <a:gd name="T7" fmla="*/ 46038 h 29"/>
                <a:gd name="T8" fmla="*/ 127000 w 94"/>
                <a:gd name="T9" fmla="*/ 46038 h 29"/>
                <a:gd name="T10" fmla="*/ 69850 w 94"/>
                <a:gd name="T11" fmla="*/ 25400 h 29"/>
                <a:gd name="T12" fmla="*/ 11113 w 94"/>
                <a:gd name="T13" fmla="*/ 0 h 29"/>
                <a:gd name="T14" fmla="*/ 0 w 94"/>
                <a:gd name="T15" fmla="*/ 0 h 29"/>
                <a:gd name="T16" fmla="*/ 0 1 256"/>
                <a:gd name="T17" fmla="*/ 0 1 256"/>
                <a:gd name="T18" fmla="*/ 0 1 256"/>
                <a:gd name="T19" fmla="*/ 0 1 256"/>
                <a:gd name="T20" fmla="*/ 0 1 256"/>
                <a:gd name="T21" fmla="*/ 0 1 256"/>
                <a:gd name="T22" fmla="*/ 0 1 256"/>
                <a:gd name="T23" fmla="*/ 0 1 256"/>
                <a:gd name="T24" fmla="*/ 0 w 94"/>
                <a:gd name="T25" fmla="*/ 0 h 29"/>
                <a:gd name="T26" fmla="*/ 0 w 94"/>
                <a:gd name="T27" fmla="*/ 0 h 29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94" h="29">
                  <a:moveTo>
                    <a:pt x="0" y="0"/>
                  </a:moveTo>
                  <a:lnTo>
                    <a:pt x="52" y="8"/>
                  </a:lnTo>
                  <a:lnTo>
                    <a:pt x="94" y="21"/>
                  </a:lnTo>
                  <a:lnTo>
                    <a:pt x="94" y="29"/>
                  </a:lnTo>
                  <a:lnTo>
                    <a:pt x="80" y="29"/>
                  </a:lnTo>
                  <a:lnTo>
                    <a:pt x="44" y="16"/>
                  </a:lnTo>
                  <a:lnTo>
                    <a:pt x="7" y="0"/>
                  </a:lnTo>
                  <a:lnTo>
                    <a:pt x="0" y="0"/>
                  </a:lnTo>
                  <a:close/>
                </a:path>
              </a:pathLst>
            </a:custGeom>
            <a:gradFill>
              <a:gsLst>
                <a:gs pos="0">
                  <a:schemeClr val="accent1">
                    <a:alpha val="20000"/>
                  </a:schemeClr>
                </a:gs>
                <a:gs pos="100000">
                  <a:schemeClr val="accent1">
                    <a:lumMod val="20000"/>
                    <a:lumOff val="80000"/>
                  </a:schemeClr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  <p:sp>
        <p:nvSpPr>
          <p:cNvPr id="37" name="フリーフォーム 36"/>
          <p:cNvSpPr>
            <a:spLocks/>
          </p:cNvSpPr>
          <p:nvPr/>
        </p:nvSpPr>
        <p:spPr bwMode="auto">
          <a:xfrm>
            <a:off x="5841868" y="5857892"/>
            <a:ext cx="245087" cy="231993"/>
          </a:xfrm>
          <a:custGeom>
            <a:avLst/>
            <a:gdLst>
              <a:gd name="T0" fmla="*/ 136525 w 151"/>
              <a:gd name="T1" fmla="*/ 0 h 144"/>
              <a:gd name="T2" fmla="*/ 79375 w 151"/>
              <a:gd name="T3" fmla="*/ 9525 h 144"/>
              <a:gd name="T4" fmla="*/ 44450 w 151"/>
              <a:gd name="T5" fmla="*/ 34925 h 144"/>
              <a:gd name="T6" fmla="*/ 0 w 151"/>
              <a:gd name="T7" fmla="*/ 104775 h 144"/>
              <a:gd name="T8" fmla="*/ 0 w 151"/>
              <a:gd name="T9" fmla="*/ 138113 h 144"/>
              <a:gd name="T10" fmla="*/ 57150 w 151"/>
              <a:gd name="T11" fmla="*/ 125413 h 144"/>
              <a:gd name="T12" fmla="*/ 44450 w 151"/>
              <a:gd name="T13" fmla="*/ 161925 h 144"/>
              <a:gd name="T14" fmla="*/ 20637 w 151"/>
              <a:gd name="T15" fmla="*/ 171450 h 144"/>
              <a:gd name="T16" fmla="*/ 57150 w 151"/>
              <a:gd name="T17" fmla="*/ 207963 h 144"/>
              <a:gd name="T18" fmla="*/ 103187 w 151"/>
              <a:gd name="T19" fmla="*/ 228600 h 144"/>
              <a:gd name="T20" fmla="*/ 149225 w 151"/>
              <a:gd name="T21" fmla="*/ 228600 h 144"/>
              <a:gd name="T22" fmla="*/ 182562 w 151"/>
              <a:gd name="T23" fmla="*/ 217488 h 144"/>
              <a:gd name="T24" fmla="*/ 239712 w 151"/>
              <a:gd name="T25" fmla="*/ 184150 h 144"/>
              <a:gd name="T26" fmla="*/ 239712 w 151"/>
              <a:gd name="T27" fmla="*/ 104775 h 144"/>
              <a:gd name="T28" fmla="*/ 219075 w 151"/>
              <a:gd name="T29" fmla="*/ 55563 h 144"/>
              <a:gd name="T30" fmla="*/ 182562 w 151"/>
              <a:gd name="T31" fmla="*/ 34925 h 144"/>
              <a:gd name="T32" fmla="*/ 149225 w 151"/>
              <a:gd name="T33" fmla="*/ 0 h 144"/>
              <a:gd name="T34" fmla="*/ 136525 w 151"/>
              <a:gd name="T35" fmla="*/ 0 h 144"/>
              <a:gd name="T36" fmla="*/ 136525 w 151"/>
              <a:gd name="T37" fmla="*/ 104775 h 144"/>
              <a:gd name="T38" fmla="*/ 123825 w 151"/>
              <a:gd name="T39" fmla="*/ 112713 h 144"/>
              <a:gd name="T40" fmla="*/ 79375 w 151"/>
              <a:gd name="T41" fmla="*/ 104775 h 144"/>
              <a:gd name="T42" fmla="*/ 57150 w 151"/>
              <a:gd name="T43" fmla="*/ 92075 h 144"/>
              <a:gd name="T44" fmla="*/ 66675 w 151"/>
              <a:gd name="T45" fmla="*/ 46038 h 144"/>
              <a:gd name="T46" fmla="*/ 115887 w 151"/>
              <a:gd name="T47" fmla="*/ 34925 h 144"/>
              <a:gd name="T48" fmla="*/ 136525 w 151"/>
              <a:gd name="T49" fmla="*/ 46038 h 144"/>
              <a:gd name="T50" fmla="*/ 136525 w 151"/>
              <a:gd name="T51" fmla="*/ 79375 h 144"/>
              <a:gd name="T52" fmla="*/ 136525 w 151"/>
              <a:gd name="T53" fmla="*/ 104775 h 144"/>
              <a:gd name="T54" fmla="*/ 136525 w 151"/>
              <a:gd name="T55" fmla="*/ 0 h 144"/>
              <a:gd name="T56" fmla="*/ 149225 w 151"/>
              <a:gd name="T57" fmla="*/ 195263 h 144"/>
              <a:gd name="T58" fmla="*/ 195262 w 151"/>
              <a:gd name="T59" fmla="*/ 195263 h 144"/>
              <a:gd name="T60" fmla="*/ 169862 w 151"/>
              <a:gd name="T61" fmla="*/ 207963 h 144"/>
              <a:gd name="T62" fmla="*/ 149225 w 151"/>
              <a:gd name="T63" fmla="*/ 195263 h 144"/>
              <a:gd name="T64" fmla="*/ 136525 w 151"/>
              <a:gd name="T65" fmla="*/ 0 h 144"/>
              <a:gd name="T66" fmla="*/ 0 1 256"/>
              <a:gd name="T67" fmla="*/ 0 1 256"/>
              <a:gd name="T68" fmla="*/ 0 1 256"/>
              <a:gd name="T69" fmla="*/ 0 1 256"/>
              <a:gd name="T70" fmla="*/ 0 1 256"/>
              <a:gd name="T71" fmla="*/ 0 1 256"/>
              <a:gd name="T72" fmla="*/ 0 1 256"/>
              <a:gd name="T73" fmla="*/ 0 1 256"/>
              <a:gd name="T74" fmla="*/ 0 1 256"/>
              <a:gd name="T75" fmla="*/ 0 1 256"/>
              <a:gd name="T76" fmla="*/ 0 1 256"/>
              <a:gd name="T77" fmla="*/ 0 1 256"/>
              <a:gd name="T78" fmla="*/ 0 1 256"/>
              <a:gd name="T79" fmla="*/ 0 1 256"/>
              <a:gd name="T80" fmla="*/ 0 1 256"/>
              <a:gd name="T81" fmla="*/ 0 1 256"/>
              <a:gd name="T82" fmla="*/ 0 1 256"/>
              <a:gd name="T83" fmla="*/ 0 1 256"/>
              <a:gd name="T84" fmla="*/ 0 1 256"/>
              <a:gd name="T85" fmla="*/ 0 1 256"/>
              <a:gd name="T86" fmla="*/ 0 1 256"/>
              <a:gd name="T87" fmla="*/ 0 1 256"/>
              <a:gd name="T88" fmla="*/ 0 1 256"/>
              <a:gd name="T89" fmla="*/ 0 1 256"/>
              <a:gd name="T90" fmla="*/ 0 1 256"/>
              <a:gd name="T91" fmla="*/ 0 1 256"/>
              <a:gd name="T92" fmla="*/ 0 1 256"/>
              <a:gd name="T93" fmla="*/ 0 1 256"/>
              <a:gd name="T94" fmla="*/ 0 1 256"/>
              <a:gd name="T95" fmla="*/ 0 1 256"/>
              <a:gd name="T96" fmla="*/ 0 1 256"/>
              <a:gd name="T97" fmla="*/ 0 1 256"/>
              <a:gd name="T98" fmla="*/ 0 1 256"/>
              <a:gd name="T99" fmla="*/ 0 w 151"/>
              <a:gd name="T100" fmla="*/ 0 h 144"/>
              <a:gd name="T101" fmla="*/ 0 w 151"/>
              <a:gd name="T102" fmla="*/ 0 h 144"/>
            </a:gdLst>
            <a:ahLst/>
            <a:cxnLst>
              <a:cxn ang="T66">
                <a:pos x="T0" y="T1"/>
              </a:cxn>
              <a:cxn ang="T67">
                <a:pos x="T2" y="T3"/>
              </a:cxn>
              <a:cxn ang="T68">
                <a:pos x="T4" y="T5"/>
              </a:cxn>
              <a:cxn ang="T69">
                <a:pos x="T6" y="T7"/>
              </a:cxn>
              <a:cxn ang="T70">
                <a:pos x="T8" y="T9"/>
              </a:cxn>
              <a:cxn ang="T71">
                <a:pos x="T10" y="T11"/>
              </a:cxn>
              <a:cxn ang="T72">
                <a:pos x="T12" y="T13"/>
              </a:cxn>
              <a:cxn ang="T73">
                <a:pos x="T14" y="T15"/>
              </a:cxn>
              <a:cxn ang="T74">
                <a:pos x="T16" y="T17"/>
              </a:cxn>
              <a:cxn ang="T75">
                <a:pos x="T18" y="T19"/>
              </a:cxn>
              <a:cxn ang="T76">
                <a:pos x="T20" y="T21"/>
              </a:cxn>
              <a:cxn ang="T77">
                <a:pos x="T22" y="T23"/>
              </a:cxn>
              <a:cxn ang="T78">
                <a:pos x="T24" y="T25"/>
              </a:cxn>
              <a:cxn ang="T79">
                <a:pos x="T26" y="T27"/>
              </a:cxn>
              <a:cxn ang="T80">
                <a:pos x="T28" y="T29"/>
              </a:cxn>
              <a:cxn ang="T81">
                <a:pos x="T30" y="T31"/>
              </a:cxn>
              <a:cxn ang="T82">
                <a:pos x="T32" y="T33"/>
              </a:cxn>
              <a:cxn ang="T83">
                <a:pos x="T34" y="T35"/>
              </a:cxn>
              <a:cxn ang="T84">
                <a:pos x="T36" y="T37"/>
              </a:cxn>
              <a:cxn ang="T85">
                <a:pos x="T38" y="T39"/>
              </a:cxn>
              <a:cxn ang="T86">
                <a:pos x="T40" y="T41"/>
              </a:cxn>
              <a:cxn ang="T87">
                <a:pos x="T42" y="T43"/>
              </a:cxn>
              <a:cxn ang="T88">
                <a:pos x="T44" y="T45"/>
              </a:cxn>
              <a:cxn ang="T89">
                <a:pos x="T46" y="T47"/>
              </a:cxn>
              <a:cxn ang="T90">
                <a:pos x="T48" y="T49"/>
              </a:cxn>
              <a:cxn ang="T91">
                <a:pos x="T50" y="T51"/>
              </a:cxn>
              <a:cxn ang="T92">
                <a:pos x="T52" y="T53"/>
              </a:cxn>
              <a:cxn ang="T93">
                <a:pos x="T54" y="T55"/>
              </a:cxn>
              <a:cxn ang="T94">
                <a:pos x="T56" y="T57"/>
              </a:cxn>
              <a:cxn ang="T95">
                <a:pos x="T58" y="T59"/>
              </a:cxn>
              <a:cxn ang="T96">
                <a:pos x="T60" y="T61"/>
              </a:cxn>
              <a:cxn ang="T97">
                <a:pos x="T62" y="T63"/>
              </a:cxn>
              <a:cxn ang="T98">
                <a:pos x="T64" y="T65"/>
              </a:cxn>
            </a:cxnLst>
            <a:rect l="T99" t="T100" r="T101" b="T102"/>
            <a:pathLst>
              <a:path w="151" h="144">
                <a:moveTo>
                  <a:pt x="86" y="0"/>
                </a:moveTo>
                <a:lnTo>
                  <a:pt x="50" y="6"/>
                </a:lnTo>
                <a:lnTo>
                  <a:pt x="28" y="22"/>
                </a:lnTo>
                <a:lnTo>
                  <a:pt x="0" y="66"/>
                </a:lnTo>
                <a:lnTo>
                  <a:pt x="0" y="87"/>
                </a:lnTo>
                <a:lnTo>
                  <a:pt x="36" y="79"/>
                </a:lnTo>
                <a:lnTo>
                  <a:pt x="28" y="102"/>
                </a:lnTo>
                <a:lnTo>
                  <a:pt x="13" y="108"/>
                </a:lnTo>
                <a:lnTo>
                  <a:pt x="36" y="131"/>
                </a:lnTo>
                <a:lnTo>
                  <a:pt x="65" y="144"/>
                </a:lnTo>
                <a:lnTo>
                  <a:pt x="94" y="144"/>
                </a:lnTo>
                <a:lnTo>
                  <a:pt x="115" y="137"/>
                </a:lnTo>
                <a:lnTo>
                  <a:pt x="151" y="116"/>
                </a:lnTo>
                <a:lnTo>
                  <a:pt x="151" y="66"/>
                </a:lnTo>
                <a:lnTo>
                  <a:pt x="138" y="35"/>
                </a:lnTo>
                <a:lnTo>
                  <a:pt x="115" y="22"/>
                </a:lnTo>
                <a:lnTo>
                  <a:pt x="94" y="0"/>
                </a:lnTo>
                <a:lnTo>
                  <a:pt x="86" y="0"/>
                </a:lnTo>
                <a:lnTo>
                  <a:pt x="86" y="66"/>
                </a:lnTo>
                <a:lnTo>
                  <a:pt x="78" y="71"/>
                </a:lnTo>
                <a:lnTo>
                  <a:pt x="50" y="66"/>
                </a:lnTo>
                <a:lnTo>
                  <a:pt x="36" y="58"/>
                </a:lnTo>
                <a:lnTo>
                  <a:pt x="42" y="29"/>
                </a:lnTo>
                <a:lnTo>
                  <a:pt x="73" y="22"/>
                </a:lnTo>
                <a:lnTo>
                  <a:pt x="86" y="29"/>
                </a:lnTo>
                <a:lnTo>
                  <a:pt x="86" y="50"/>
                </a:lnTo>
                <a:lnTo>
                  <a:pt x="86" y="66"/>
                </a:lnTo>
                <a:lnTo>
                  <a:pt x="86" y="0"/>
                </a:lnTo>
                <a:lnTo>
                  <a:pt x="94" y="123"/>
                </a:lnTo>
                <a:lnTo>
                  <a:pt x="123" y="123"/>
                </a:lnTo>
                <a:lnTo>
                  <a:pt x="107" y="131"/>
                </a:lnTo>
                <a:lnTo>
                  <a:pt x="94" y="123"/>
                </a:lnTo>
                <a:lnTo>
                  <a:pt x="86" y="0"/>
                </a:lnTo>
                <a:close/>
              </a:path>
            </a:pathLst>
          </a:custGeom>
          <a:gradFill rotWithShape="1">
            <a:gsLst>
              <a:gs pos="0">
                <a:schemeClr val="accent1">
                  <a:lumMod val="20000"/>
                  <a:lumOff val="80000"/>
                </a:schemeClr>
              </a:gs>
              <a:gs pos="100000">
                <a:schemeClr val="accent1"/>
              </a:gs>
            </a:gsLst>
            <a:lin ang="5400000" scaled="1"/>
          </a:gra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ja-JP" altLang="en-US" kern="1200">
              <a:solidFill>
                <a:srgbClr val="FF0000">
                  <a:alpha val="100000"/>
                </a:srgbClr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39" name="フリーフォーム 38"/>
          <p:cNvSpPr>
            <a:spLocks/>
          </p:cNvSpPr>
          <p:nvPr/>
        </p:nvSpPr>
        <p:spPr bwMode="auto">
          <a:xfrm rot="5400000">
            <a:off x="7322976" y="5055119"/>
            <a:ext cx="1894702" cy="1678386"/>
          </a:xfrm>
          <a:custGeom>
            <a:avLst/>
            <a:gdLst>
              <a:gd name="T0" fmla="*/ 0 w 309"/>
              <a:gd name="T1" fmla="*/ 0 h 263"/>
              <a:gd name="T2" fmla="*/ 39 w 309"/>
              <a:gd name="T3" fmla="*/ 19 h 263"/>
              <a:gd name="T4" fmla="*/ 79 w 309"/>
              <a:gd name="T5" fmla="*/ 42 h 263"/>
              <a:gd name="T6" fmla="*/ 131 w 309"/>
              <a:gd name="T7" fmla="*/ 73 h 263"/>
              <a:gd name="T8" fmla="*/ 156 w 309"/>
              <a:gd name="T9" fmla="*/ 90 h 263"/>
              <a:gd name="T10" fmla="*/ 183 w 309"/>
              <a:gd name="T11" fmla="*/ 111 h 263"/>
              <a:gd name="T12" fmla="*/ 209 w 309"/>
              <a:gd name="T13" fmla="*/ 132 h 263"/>
              <a:gd name="T14" fmla="*/ 232 w 309"/>
              <a:gd name="T15" fmla="*/ 155 h 263"/>
              <a:gd name="T16" fmla="*/ 257 w 309"/>
              <a:gd name="T17" fmla="*/ 180 h 263"/>
              <a:gd name="T18" fmla="*/ 277 w 309"/>
              <a:gd name="T19" fmla="*/ 205 h 263"/>
              <a:gd name="T20" fmla="*/ 296 w 309"/>
              <a:gd name="T21" fmla="*/ 234 h 263"/>
              <a:gd name="T22" fmla="*/ 309 w 309"/>
              <a:gd name="T23" fmla="*/ 263 h 263"/>
              <a:gd name="T24" fmla="*/ 0 1 256"/>
              <a:gd name="T25" fmla="*/ 0 1 256"/>
              <a:gd name="T26" fmla="*/ 0 1 256"/>
              <a:gd name="T27" fmla="*/ 0 1 256"/>
              <a:gd name="T28" fmla="*/ 0 1 256"/>
              <a:gd name="T29" fmla="*/ 0 1 256"/>
              <a:gd name="T30" fmla="*/ 0 1 256"/>
              <a:gd name="T31" fmla="*/ 0 1 256"/>
              <a:gd name="T32" fmla="*/ 0 1 256"/>
              <a:gd name="T33" fmla="*/ 0 1 256"/>
              <a:gd name="T34" fmla="*/ 0 1 256"/>
              <a:gd name="T35" fmla="*/ 0 1 256"/>
              <a:gd name="T36" fmla="*/ 0 w 309"/>
              <a:gd name="T37" fmla="*/ 0 h 263"/>
              <a:gd name="T38" fmla="*/ 0 w 309"/>
              <a:gd name="T39" fmla="*/ 0 h 263"/>
            </a:gdLst>
            <a:ahLst/>
            <a:cxnLst>
              <a:cxn ang="T24">
                <a:pos x="T0" y="T1"/>
              </a:cxn>
              <a:cxn ang="T25">
                <a:pos x="T2" y="T3"/>
              </a:cxn>
              <a:cxn ang="T26">
                <a:pos x="T4" y="T5"/>
              </a:cxn>
              <a:cxn ang="T27">
                <a:pos x="T6" y="T7"/>
              </a:cxn>
              <a:cxn ang="T28">
                <a:pos x="T8" y="T9"/>
              </a:cxn>
              <a:cxn ang="T29">
                <a:pos x="T10" y="T11"/>
              </a:cxn>
              <a:cxn ang="T30">
                <a:pos x="T12" y="T13"/>
              </a:cxn>
              <a:cxn ang="T31">
                <a:pos x="T14" y="T15"/>
              </a:cxn>
              <a:cxn ang="T32">
                <a:pos x="T16" y="T17"/>
              </a:cxn>
              <a:cxn ang="T33">
                <a:pos x="T18" y="T19"/>
              </a:cxn>
              <a:cxn ang="T34">
                <a:pos x="T20" y="T21"/>
              </a:cxn>
              <a:cxn ang="T35">
                <a:pos x="T22" y="T23"/>
              </a:cxn>
            </a:cxnLst>
            <a:rect l="T36" t="T37" r="T38" b="T39"/>
            <a:pathLst>
              <a:path w="309" h="263">
                <a:moveTo>
                  <a:pt x="0" y="0"/>
                </a:moveTo>
                <a:lnTo>
                  <a:pt x="39" y="19"/>
                </a:lnTo>
                <a:lnTo>
                  <a:pt x="79" y="42"/>
                </a:lnTo>
                <a:lnTo>
                  <a:pt x="131" y="73"/>
                </a:lnTo>
                <a:lnTo>
                  <a:pt x="156" y="90"/>
                </a:lnTo>
                <a:lnTo>
                  <a:pt x="183" y="111"/>
                </a:lnTo>
                <a:lnTo>
                  <a:pt x="209" y="132"/>
                </a:lnTo>
                <a:lnTo>
                  <a:pt x="232" y="155"/>
                </a:lnTo>
                <a:lnTo>
                  <a:pt x="257" y="180"/>
                </a:lnTo>
                <a:lnTo>
                  <a:pt x="277" y="205"/>
                </a:lnTo>
                <a:lnTo>
                  <a:pt x="296" y="234"/>
                </a:lnTo>
                <a:lnTo>
                  <a:pt x="309" y="263"/>
                </a:lnTo>
              </a:path>
            </a:pathLst>
          </a:custGeom>
          <a:noFill/>
          <a:ln w="12700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ja-JP" altLang="en-US" kern="1200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grpSp>
        <p:nvGrpSpPr>
          <p:cNvPr id="10" name="グループ化 9"/>
          <p:cNvGrpSpPr/>
          <p:nvPr/>
        </p:nvGrpSpPr>
        <p:grpSpPr>
          <a:xfrm>
            <a:off x="7286645" y="3871493"/>
            <a:ext cx="1541824" cy="1424221"/>
            <a:chOff x="7286645" y="3871493"/>
            <a:chExt cx="1541824" cy="1424221"/>
          </a:xfrm>
          <a:gradFill>
            <a:gsLst>
              <a:gs pos="1000">
                <a:schemeClr val="accent1">
                  <a:alpha val="20000"/>
                </a:schemeClr>
              </a:gs>
              <a:gs pos="100000">
                <a:schemeClr val="accent1"/>
              </a:gs>
            </a:gsLst>
            <a:lin ang="5400000" scaled="1"/>
          </a:gradFill>
        </p:grpSpPr>
        <p:sp>
          <p:nvSpPr>
            <p:cNvPr id="33" name="フリーフォーム 32"/>
            <p:cNvSpPr>
              <a:spLocks/>
            </p:cNvSpPr>
            <p:nvPr/>
          </p:nvSpPr>
          <p:spPr bwMode="auto">
            <a:xfrm>
              <a:off x="7286645" y="3890348"/>
              <a:ext cx="908413" cy="891012"/>
            </a:xfrm>
            <a:custGeom>
              <a:avLst/>
              <a:gdLst>
                <a:gd name="T0" fmla="*/ 530225 w 507"/>
                <a:gd name="T1" fmla="*/ 0 h 501"/>
                <a:gd name="T2" fmla="*/ 692150 w 507"/>
                <a:gd name="T3" fmla="*/ 0 h 501"/>
                <a:gd name="T4" fmla="*/ 758825 w 507"/>
                <a:gd name="T5" fmla="*/ 0 h 501"/>
                <a:gd name="T6" fmla="*/ 804863 w 507"/>
                <a:gd name="T7" fmla="*/ 20638 h 501"/>
                <a:gd name="T8" fmla="*/ 804863 w 507"/>
                <a:gd name="T9" fmla="*/ 33338 h 501"/>
                <a:gd name="T10" fmla="*/ 738188 w 507"/>
                <a:gd name="T11" fmla="*/ 11113 h 501"/>
                <a:gd name="T12" fmla="*/ 701675 w 507"/>
                <a:gd name="T13" fmla="*/ 0 h 501"/>
                <a:gd name="T14" fmla="*/ 655638 w 507"/>
                <a:gd name="T15" fmla="*/ 0 h 501"/>
                <a:gd name="T16" fmla="*/ 552450 w 507"/>
                <a:gd name="T17" fmla="*/ 33338 h 501"/>
                <a:gd name="T18" fmla="*/ 460375 w 507"/>
                <a:gd name="T19" fmla="*/ 79375 h 501"/>
                <a:gd name="T20" fmla="*/ 414338 w 507"/>
                <a:gd name="T21" fmla="*/ 115888 h 501"/>
                <a:gd name="T22" fmla="*/ 493713 w 507"/>
                <a:gd name="T23" fmla="*/ 79375 h 501"/>
                <a:gd name="T24" fmla="*/ 542925 w 507"/>
                <a:gd name="T25" fmla="*/ 66675 h 501"/>
                <a:gd name="T26" fmla="*/ 563563 w 507"/>
                <a:gd name="T27" fmla="*/ 66675 h 501"/>
                <a:gd name="T28" fmla="*/ 460375 w 507"/>
                <a:gd name="T29" fmla="*/ 115888 h 501"/>
                <a:gd name="T30" fmla="*/ 403225 w 507"/>
                <a:gd name="T31" fmla="*/ 160338 h 501"/>
                <a:gd name="T32" fmla="*/ 334963 w 507"/>
                <a:gd name="T33" fmla="*/ 206375 h 501"/>
                <a:gd name="T34" fmla="*/ 277813 w 507"/>
                <a:gd name="T35" fmla="*/ 252413 h 501"/>
                <a:gd name="T36" fmla="*/ 219075 w 507"/>
                <a:gd name="T37" fmla="*/ 309563 h 501"/>
                <a:gd name="T38" fmla="*/ 182563 w 507"/>
                <a:gd name="T39" fmla="*/ 355600 h 501"/>
                <a:gd name="T40" fmla="*/ 161925 w 507"/>
                <a:gd name="T41" fmla="*/ 425450 h 501"/>
                <a:gd name="T42" fmla="*/ 138113 w 507"/>
                <a:gd name="T43" fmla="*/ 550863 h 501"/>
                <a:gd name="T44" fmla="*/ 128588 w 507"/>
                <a:gd name="T45" fmla="*/ 769938 h 501"/>
                <a:gd name="T46" fmla="*/ 115888 w 507"/>
                <a:gd name="T47" fmla="*/ 633413 h 501"/>
                <a:gd name="T48" fmla="*/ 103188 w 507"/>
                <a:gd name="T49" fmla="*/ 530225 h 501"/>
                <a:gd name="T50" fmla="*/ 92075 w 507"/>
                <a:gd name="T51" fmla="*/ 493713 h 501"/>
                <a:gd name="T52" fmla="*/ 69850 w 507"/>
                <a:gd name="T53" fmla="*/ 541338 h 501"/>
                <a:gd name="T54" fmla="*/ 58738 w 507"/>
                <a:gd name="T55" fmla="*/ 608013 h 501"/>
                <a:gd name="T56" fmla="*/ 46038 w 507"/>
                <a:gd name="T57" fmla="*/ 795338 h 501"/>
                <a:gd name="T58" fmla="*/ 33338 w 507"/>
                <a:gd name="T59" fmla="*/ 679450 h 501"/>
                <a:gd name="T60" fmla="*/ 25400 w 507"/>
                <a:gd name="T61" fmla="*/ 620713 h 501"/>
                <a:gd name="T62" fmla="*/ 12700 w 507"/>
                <a:gd name="T63" fmla="*/ 633413 h 501"/>
                <a:gd name="T64" fmla="*/ 0 w 507"/>
                <a:gd name="T65" fmla="*/ 646113 h 501"/>
                <a:gd name="T66" fmla="*/ 0 w 507"/>
                <a:gd name="T67" fmla="*/ 574675 h 501"/>
                <a:gd name="T68" fmla="*/ 12700 w 507"/>
                <a:gd name="T69" fmla="*/ 517525 h 501"/>
                <a:gd name="T70" fmla="*/ 25400 w 507"/>
                <a:gd name="T71" fmla="*/ 458788 h 501"/>
                <a:gd name="T72" fmla="*/ 82550 w 507"/>
                <a:gd name="T73" fmla="*/ 331788 h 501"/>
                <a:gd name="T74" fmla="*/ 149225 w 507"/>
                <a:gd name="T75" fmla="*/ 219075 h 501"/>
                <a:gd name="T76" fmla="*/ 231775 w 507"/>
                <a:gd name="T77" fmla="*/ 123825 h 501"/>
                <a:gd name="T78" fmla="*/ 311150 w 507"/>
                <a:gd name="T79" fmla="*/ 57150 h 501"/>
                <a:gd name="T80" fmla="*/ 403225 w 507"/>
                <a:gd name="T81" fmla="*/ 20638 h 501"/>
                <a:gd name="T82" fmla="*/ 519113 w 507"/>
                <a:gd name="T83" fmla="*/ 0 h 501"/>
                <a:gd name="T84" fmla="*/ 530225 w 507"/>
                <a:gd name="T85" fmla="*/ 0 h 501"/>
                <a:gd name="T86" fmla="*/ 0 1 256"/>
                <a:gd name="T87" fmla="*/ 0 1 256"/>
                <a:gd name="T88" fmla="*/ 0 1 256"/>
                <a:gd name="T89" fmla="*/ 0 1 256"/>
                <a:gd name="T90" fmla="*/ 0 1 256"/>
                <a:gd name="T91" fmla="*/ 0 1 256"/>
                <a:gd name="T92" fmla="*/ 0 1 256"/>
                <a:gd name="T93" fmla="*/ 0 1 256"/>
                <a:gd name="T94" fmla="*/ 0 1 256"/>
                <a:gd name="T95" fmla="*/ 0 1 256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w 507"/>
                <a:gd name="T130" fmla="*/ 0 h 501"/>
                <a:gd name="T131" fmla="*/ 0 w 507"/>
                <a:gd name="T132" fmla="*/ 0 h 501"/>
              </a:gdLst>
              <a:ahLst/>
              <a:cxnLst>
                <a:cxn ang="T86">
                  <a:pos x="T0" y="T1"/>
                </a:cxn>
                <a:cxn ang="T87">
                  <a:pos x="T2" y="T3"/>
                </a:cxn>
                <a:cxn ang="T88">
                  <a:pos x="T4" y="T5"/>
                </a:cxn>
                <a:cxn ang="T89">
                  <a:pos x="T6" y="T7"/>
                </a:cxn>
                <a:cxn ang="T90">
                  <a:pos x="T8" y="T9"/>
                </a:cxn>
                <a:cxn ang="T91">
                  <a:pos x="T10" y="T11"/>
                </a:cxn>
                <a:cxn ang="T92">
                  <a:pos x="T12" y="T13"/>
                </a:cxn>
                <a:cxn ang="T93">
                  <a:pos x="T14" y="T15"/>
                </a:cxn>
                <a:cxn ang="T94">
                  <a:pos x="T16" y="T17"/>
                </a:cxn>
                <a:cxn ang="T95">
                  <a:pos x="T18" y="T19"/>
                </a:cxn>
                <a:cxn ang="T96">
                  <a:pos x="T20" y="T21"/>
                </a:cxn>
                <a:cxn ang="T97">
                  <a:pos x="T22" y="T23"/>
                </a:cxn>
                <a:cxn ang="T98">
                  <a:pos x="T24" y="T25"/>
                </a:cxn>
                <a:cxn ang="T99">
                  <a:pos x="T26" y="T27"/>
                </a:cxn>
                <a:cxn ang="T100">
                  <a:pos x="T28" y="T29"/>
                </a:cxn>
                <a:cxn ang="T101">
                  <a:pos x="T30" y="T31"/>
                </a:cxn>
                <a:cxn ang="T102">
                  <a:pos x="T32" y="T33"/>
                </a:cxn>
                <a:cxn ang="T103">
                  <a:pos x="T34" y="T35"/>
                </a:cxn>
                <a:cxn ang="T104">
                  <a:pos x="T36" y="T37"/>
                </a:cxn>
                <a:cxn ang="T105">
                  <a:pos x="T38" y="T39"/>
                </a:cxn>
                <a:cxn ang="T106">
                  <a:pos x="T40" y="T41"/>
                </a:cxn>
                <a:cxn ang="T107">
                  <a:pos x="T42" y="T43"/>
                </a:cxn>
                <a:cxn ang="T108">
                  <a:pos x="T44" y="T45"/>
                </a:cxn>
                <a:cxn ang="T109">
                  <a:pos x="T46" y="T47"/>
                </a:cxn>
                <a:cxn ang="T110">
                  <a:pos x="T48" y="T49"/>
                </a:cxn>
                <a:cxn ang="T111">
                  <a:pos x="T50" y="T51"/>
                </a:cxn>
                <a:cxn ang="T112">
                  <a:pos x="T52" y="T53"/>
                </a:cxn>
                <a:cxn ang="T113">
                  <a:pos x="T54" y="T55"/>
                </a:cxn>
                <a:cxn ang="T114">
                  <a:pos x="T56" y="T57"/>
                </a:cxn>
                <a:cxn ang="T115">
                  <a:pos x="T58" y="T59"/>
                </a:cxn>
                <a:cxn ang="T116">
                  <a:pos x="T60" y="T61"/>
                </a:cxn>
                <a:cxn ang="T117">
                  <a:pos x="T62" y="T63"/>
                </a:cxn>
                <a:cxn ang="T118">
                  <a:pos x="T64" y="T65"/>
                </a:cxn>
                <a:cxn ang="T119">
                  <a:pos x="T66" y="T67"/>
                </a:cxn>
                <a:cxn ang="T120">
                  <a:pos x="T68" y="T69"/>
                </a:cxn>
                <a:cxn ang="T121">
                  <a:pos x="T70" y="T71"/>
                </a:cxn>
                <a:cxn ang="T122">
                  <a:pos x="T72" y="T73"/>
                </a:cxn>
                <a:cxn ang="T123">
                  <a:pos x="T74" y="T75"/>
                </a:cxn>
                <a:cxn ang="T124">
                  <a:pos x="T76" y="T77"/>
                </a:cxn>
                <a:cxn ang="T125">
                  <a:pos x="T78" y="T79"/>
                </a:cxn>
                <a:cxn ang="T126">
                  <a:pos x="T80" y="T81"/>
                </a:cxn>
                <a:cxn ang="T127">
                  <a:pos x="T82" y="T83"/>
                </a:cxn>
                <a:cxn ang="T128">
                  <a:pos x="T84" y="T85"/>
                </a:cxn>
              </a:cxnLst>
              <a:rect l="T129" t="T130" r="T131" b="T132"/>
              <a:pathLst>
                <a:path w="507" h="501">
                  <a:moveTo>
                    <a:pt x="334" y="0"/>
                  </a:moveTo>
                  <a:lnTo>
                    <a:pt x="436" y="0"/>
                  </a:lnTo>
                  <a:lnTo>
                    <a:pt x="478" y="0"/>
                  </a:lnTo>
                  <a:lnTo>
                    <a:pt x="507" y="13"/>
                  </a:lnTo>
                  <a:lnTo>
                    <a:pt x="507" y="21"/>
                  </a:lnTo>
                  <a:lnTo>
                    <a:pt x="465" y="7"/>
                  </a:lnTo>
                  <a:lnTo>
                    <a:pt x="442" y="0"/>
                  </a:lnTo>
                  <a:lnTo>
                    <a:pt x="413" y="0"/>
                  </a:lnTo>
                  <a:lnTo>
                    <a:pt x="348" y="21"/>
                  </a:lnTo>
                  <a:lnTo>
                    <a:pt x="290" y="50"/>
                  </a:lnTo>
                  <a:lnTo>
                    <a:pt x="261" y="73"/>
                  </a:lnTo>
                  <a:lnTo>
                    <a:pt x="311" y="50"/>
                  </a:lnTo>
                  <a:lnTo>
                    <a:pt x="342" y="42"/>
                  </a:lnTo>
                  <a:lnTo>
                    <a:pt x="355" y="42"/>
                  </a:lnTo>
                  <a:lnTo>
                    <a:pt x="290" y="73"/>
                  </a:lnTo>
                  <a:lnTo>
                    <a:pt x="254" y="101"/>
                  </a:lnTo>
                  <a:lnTo>
                    <a:pt x="211" y="130"/>
                  </a:lnTo>
                  <a:lnTo>
                    <a:pt x="175" y="159"/>
                  </a:lnTo>
                  <a:lnTo>
                    <a:pt x="138" y="195"/>
                  </a:lnTo>
                  <a:lnTo>
                    <a:pt x="115" y="224"/>
                  </a:lnTo>
                  <a:lnTo>
                    <a:pt x="102" y="268"/>
                  </a:lnTo>
                  <a:lnTo>
                    <a:pt x="87" y="347"/>
                  </a:lnTo>
                  <a:lnTo>
                    <a:pt x="81" y="485"/>
                  </a:lnTo>
                  <a:lnTo>
                    <a:pt x="73" y="399"/>
                  </a:lnTo>
                  <a:lnTo>
                    <a:pt x="65" y="334"/>
                  </a:lnTo>
                  <a:lnTo>
                    <a:pt x="58" y="311"/>
                  </a:lnTo>
                  <a:lnTo>
                    <a:pt x="44" y="341"/>
                  </a:lnTo>
                  <a:lnTo>
                    <a:pt x="37" y="383"/>
                  </a:lnTo>
                  <a:lnTo>
                    <a:pt x="29" y="501"/>
                  </a:lnTo>
                  <a:lnTo>
                    <a:pt x="21" y="428"/>
                  </a:lnTo>
                  <a:lnTo>
                    <a:pt x="16" y="391"/>
                  </a:lnTo>
                  <a:lnTo>
                    <a:pt x="8" y="399"/>
                  </a:lnTo>
                  <a:lnTo>
                    <a:pt x="0" y="407"/>
                  </a:lnTo>
                  <a:lnTo>
                    <a:pt x="0" y="362"/>
                  </a:lnTo>
                  <a:lnTo>
                    <a:pt x="8" y="326"/>
                  </a:lnTo>
                  <a:lnTo>
                    <a:pt x="16" y="289"/>
                  </a:lnTo>
                  <a:lnTo>
                    <a:pt x="52" y="209"/>
                  </a:lnTo>
                  <a:lnTo>
                    <a:pt x="94" y="138"/>
                  </a:lnTo>
                  <a:lnTo>
                    <a:pt x="146" y="78"/>
                  </a:lnTo>
                  <a:lnTo>
                    <a:pt x="196" y="36"/>
                  </a:lnTo>
                  <a:lnTo>
                    <a:pt x="254" y="13"/>
                  </a:lnTo>
                  <a:lnTo>
                    <a:pt x="327" y="0"/>
                  </a:lnTo>
                  <a:lnTo>
                    <a:pt x="334" y="0"/>
                  </a:lnTo>
                  <a:close/>
                </a:path>
              </a:pathLst>
            </a:custGeom>
            <a:gradFill>
              <a:gsLst>
                <a:gs pos="1000">
                  <a:schemeClr val="accent1">
                    <a:alpha val="20000"/>
                  </a:schemeClr>
                </a:gs>
                <a:gs pos="100000">
                  <a:schemeClr val="accent1"/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0" name="フリーフォーム 39"/>
            <p:cNvSpPr>
              <a:spLocks/>
            </p:cNvSpPr>
            <p:nvPr/>
          </p:nvSpPr>
          <p:spPr bwMode="auto">
            <a:xfrm>
              <a:off x="7421610" y="3871493"/>
              <a:ext cx="1406859" cy="1424221"/>
            </a:xfrm>
            <a:custGeom>
              <a:avLst/>
              <a:gdLst>
                <a:gd name="T0" fmla="*/ 1276350 w 804"/>
                <a:gd name="T1" fmla="*/ 795338 h 820"/>
                <a:gd name="T2" fmla="*/ 1209675 w 804"/>
                <a:gd name="T3" fmla="*/ 449263 h 820"/>
                <a:gd name="T4" fmla="*/ 1003300 w 804"/>
                <a:gd name="T5" fmla="*/ 149225 h 820"/>
                <a:gd name="T6" fmla="*/ 828675 w 804"/>
                <a:gd name="T7" fmla="*/ 46038 h 820"/>
                <a:gd name="T8" fmla="*/ 1003300 w 804"/>
                <a:gd name="T9" fmla="*/ 241300 h 820"/>
                <a:gd name="T10" fmla="*/ 758825 w 804"/>
                <a:gd name="T11" fmla="*/ 92075 h 820"/>
                <a:gd name="T12" fmla="*/ 506413 w 804"/>
                <a:gd name="T13" fmla="*/ 46038 h 820"/>
                <a:gd name="T14" fmla="*/ 401638 w 804"/>
                <a:gd name="T15" fmla="*/ 79375 h 820"/>
                <a:gd name="T16" fmla="*/ 149225 w 804"/>
                <a:gd name="T17" fmla="*/ 220663 h 820"/>
                <a:gd name="T18" fmla="*/ 33338 w 804"/>
                <a:gd name="T19" fmla="*/ 427038 h 820"/>
                <a:gd name="T20" fmla="*/ 33338 w 804"/>
                <a:gd name="T21" fmla="*/ 817563 h 820"/>
                <a:gd name="T22" fmla="*/ 241300 w 804"/>
                <a:gd name="T23" fmla="*/ 1119188 h 820"/>
                <a:gd name="T24" fmla="*/ 206375 w 804"/>
                <a:gd name="T25" fmla="*/ 1165225 h 820"/>
                <a:gd name="T26" fmla="*/ 473075 w 804"/>
                <a:gd name="T27" fmla="*/ 1243013 h 820"/>
                <a:gd name="T28" fmla="*/ 642938 w 804"/>
                <a:gd name="T29" fmla="*/ 1255713 h 820"/>
                <a:gd name="T30" fmla="*/ 252413 w 804"/>
                <a:gd name="T31" fmla="*/ 1268413 h 820"/>
                <a:gd name="T32" fmla="*/ 539750 w 804"/>
                <a:gd name="T33" fmla="*/ 1301750 h 820"/>
                <a:gd name="T34" fmla="*/ 841375 w 804"/>
                <a:gd name="T35" fmla="*/ 1255713 h 820"/>
                <a:gd name="T36" fmla="*/ 1047750 w 804"/>
                <a:gd name="T37" fmla="*/ 1139825 h 820"/>
                <a:gd name="T38" fmla="*/ 1160463 w 804"/>
                <a:gd name="T39" fmla="*/ 977900 h 820"/>
                <a:gd name="T40" fmla="*/ 1160463 w 804"/>
                <a:gd name="T41" fmla="*/ 795338 h 820"/>
                <a:gd name="T42" fmla="*/ 1173163 w 804"/>
                <a:gd name="T43" fmla="*/ 725488 h 820"/>
                <a:gd name="T44" fmla="*/ 1219200 w 804"/>
                <a:gd name="T45" fmla="*/ 784225 h 820"/>
                <a:gd name="T46" fmla="*/ 1160463 w 804"/>
                <a:gd name="T47" fmla="*/ 635000 h 820"/>
                <a:gd name="T48" fmla="*/ 1209675 w 804"/>
                <a:gd name="T49" fmla="*/ 646113 h 820"/>
                <a:gd name="T50" fmla="*/ 1255713 w 804"/>
                <a:gd name="T51" fmla="*/ 795338 h 820"/>
                <a:gd name="T52" fmla="*/ 1231900 w 804"/>
                <a:gd name="T53" fmla="*/ 1003300 h 820"/>
                <a:gd name="T54" fmla="*/ 815975 w 804"/>
                <a:gd name="T55" fmla="*/ 887413 h 820"/>
                <a:gd name="T56" fmla="*/ 633413 w 804"/>
                <a:gd name="T57" fmla="*/ 1016000 h 820"/>
                <a:gd name="T58" fmla="*/ 344488 w 804"/>
                <a:gd name="T59" fmla="*/ 920750 h 820"/>
                <a:gd name="T60" fmla="*/ 219075 w 804"/>
                <a:gd name="T61" fmla="*/ 738188 h 820"/>
                <a:gd name="T62" fmla="*/ 206375 w 804"/>
                <a:gd name="T63" fmla="*/ 530225 h 820"/>
                <a:gd name="T64" fmla="*/ 265113 w 804"/>
                <a:gd name="T65" fmla="*/ 381000 h 820"/>
                <a:gd name="T66" fmla="*/ 473075 w 804"/>
                <a:gd name="T67" fmla="*/ 254000 h 820"/>
                <a:gd name="T68" fmla="*/ 311150 w 804"/>
                <a:gd name="T69" fmla="*/ 311150 h 820"/>
                <a:gd name="T70" fmla="*/ 182563 w 804"/>
                <a:gd name="T71" fmla="*/ 439738 h 820"/>
                <a:gd name="T72" fmla="*/ 252413 w 804"/>
                <a:gd name="T73" fmla="*/ 300038 h 820"/>
                <a:gd name="T74" fmla="*/ 434975 w 804"/>
                <a:gd name="T75" fmla="*/ 195263 h 820"/>
                <a:gd name="T76" fmla="*/ 587375 w 804"/>
                <a:gd name="T77" fmla="*/ 149225 h 820"/>
                <a:gd name="T78" fmla="*/ 493713 w 804"/>
                <a:gd name="T79" fmla="*/ 115888 h 820"/>
                <a:gd name="T80" fmla="*/ 655638 w 804"/>
                <a:gd name="T81" fmla="*/ 104775 h 820"/>
                <a:gd name="T82" fmla="*/ 758825 w 804"/>
                <a:gd name="T83" fmla="*/ 231775 h 820"/>
                <a:gd name="T84" fmla="*/ 804863 w 804"/>
                <a:gd name="T85" fmla="*/ 287338 h 820"/>
                <a:gd name="T86" fmla="*/ 758825 w 804"/>
                <a:gd name="T87" fmla="*/ 381000 h 820"/>
                <a:gd name="T88" fmla="*/ 815975 w 804"/>
                <a:gd name="T89" fmla="*/ 403225 h 820"/>
                <a:gd name="T90" fmla="*/ 862013 w 804"/>
                <a:gd name="T91" fmla="*/ 427038 h 820"/>
                <a:gd name="T92" fmla="*/ 898525 w 804"/>
                <a:gd name="T93" fmla="*/ 601663 h 820"/>
                <a:gd name="T94" fmla="*/ 0 1 256"/>
                <a:gd name="T95" fmla="*/ 0 1 256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w 804"/>
                <a:gd name="T142" fmla="*/ 0 h 820"/>
                <a:gd name="T143" fmla="*/ 0 w 804"/>
                <a:gd name="T144" fmla="*/ 0 h 820"/>
              </a:gdLst>
              <a:ahLst/>
              <a:cxnLst>
                <a:cxn ang="T94">
                  <a:pos x="T0" y="T1"/>
                </a:cxn>
                <a:cxn ang="T95">
                  <a:pos x="T2" y="T3"/>
                </a:cxn>
                <a:cxn ang="T96">
                  <a:pos x="T4" y="T5"/>
                </a:cxn>
                <a:cxn ang="T97">
                  <a:pos x="T6" y="T7"/>
                </a:cxn>
                <a:cxn ang="T98">
                  <a:pos x="T8" y="T9"/>
                </a:cxn>
                <a:cxn ang="T99">
                  <a:pos x="T10" y="T11"/>
                </a:cxn>
                <a:cxn ang="T100">
                  <a:pos x="T12" y="T13"/>
                </a:cxn>
                <a:cxn ang="T101">
                  <a:pos x="T14" y="T15"/>
                </a:cxn>
                <a:cxn ang="T102">
                  <a:pos x="T16" y="T17"/>
                </a:cxn>
                <a:cxn ang="T103">
                  <a:pos x="T18" y="T19"/>
                </a:cxn>
                <a:cxn ang="T104">
                  <a:pos x="T20" y="T21"/>
                </a:cxn>
                <a:cxn ang="T105">
                  <a:pos x="T22" y="T23"/>
                </a:cxn>
                <a:cxn ang="T106">
                  <a:pos x="T24" y="T25"/>
                </a:cxn>
                <a:cxn ang="T107">
                  <a:pos x="T26" y="T27"/>
                </a:cxn>
                <a:cxn ang="T108">
                  <a:pos x="T28" y="T29"/>
                </a:cxn>
                <a:cxn ang="T109">
                  <a:pos x="T30" y="T31"/>
                </a:cxn>
                <a:cxn ang="T110">
                  <a:pos x="T32" y="T33"/>
                </a:cxn>
                <a:cxn ang="T111">
                  <a:pos x="T34" y="T35"/>
                </a:cxn>
                <a:cxn ang="T112">
                  <a:pos x="T36" y="T37"/>
                </a:cxn>
                <a:cxn ang="T113">
                  <a:pos x="T38" y="T39"/>
                </a:cxn>
                <a:cxn ang="T114">
                  <a:pos x="T40" y="T41"/>
                </a:cxn>
                <a:cxn ang="T115">
                  <a:pos x="T42" y="T43"/>
                </a:cxn>
                <a:cxn ang="T116">
                  <a:pos x="T44" y="T45"/>
                </a:cxn>
                <a:cxn ang="T117">
                  <a:pos x="T46" y="T47"/>
                </a:cxn>
                <a:cxn ang="T118">
                  <a:pos x="T48" y="T49"/>
                </a:cxn>
                <a:cxn ang="T119">
                  <a:pos x="T50" y="T51"/>
                </a:cxn>
                <a:cxn ang="T120">
                  <a:pos x="T52" y="T53"/>
                </a:cxn>
                <a:cxn ang="T121">
                  <a:pos x="T54" y="T55"/>
                </a:cxn>
                <a:cxn ang="T122">
                  <a:pos x="T56" y="T57"/>
                </a:cxn>
                <a:cxn ang="T123">
                  <a:pos x="T58" y="T59"/>
                </a:cxn>
                <a:cxn ang="T124">
                  <a:pos x="T60" y="T61"/>
                </a:cxn>
                <a:cxn ang="T125">
                  <a:pos x="T62" y="T63"/>
                </a:cxn>
                <a:cxn ang="T126">
                  <a:pos x="T64" y="T65"/>
                </a:cxn>
                <a:cxn ang="T127">
                  <a:pos x="T66" y="T67"/>
                </a:cxn>
                <a:cxn ang="T128">
                  <a:pos x="T68" y="T69"/>
                </a:cxn>
                <a:cxn ang="T129">
                  <a:pos x="T70" y="T71"/>
                </a:cxn>
                <a:cxn ang="T130">
                  <a:pos x="T72" y="T73"/>
                </a:cxn>
                <a:cxn ang="T131">
                  <a:pos x="T74" y="T75"/>
                </a:cxn>
                <a:cxn ang="T132">
                  <a:pos x="T76" y="T77"/>
                </a:cxn>
                <a:cxn ang="T133">
                  <a:pos x="T78" y="T79"/>
                </a:cxn>
                <a:cxn ang="T134">
                  <a:pos x="T80" y="T81"/>
                </a:cxn>
                <a:cxn ang="T135">
                  <a:pos x="T82" y="T83"/>
                </a:cxn>
                <a:cxn ang="T136">
                  <a:pos x="T84" y="T85"/>
                </a:cxn>
                <a:cxn ang="T137">
                  <a:pos x="T86" y="T87"/>
                </a:cxn>
                <a:cxn ang="T138">
                  <a:pos x="T88" y="T89"/>
                </a:cxn>
                <a:cxn ang="T139">
                  <a:pos x="T90" y="T91"/>
                </a:cxn>
                <a:cxn ang="T140">
                  <a:pos x="T92" y="T93"/>
                </a:cxn>
              </a:cxnLst>
              <a:rect l="T141" t="T142" r="T143" b="T144"/>
              <a:pathLst>
                <a:path w="804" h="820">
                  <a:moveTo>
                    <a:pt x="776" y="632"/>
                  </a:moveTo>
                  <a:lnTo>
                    <a:pt x="797" y="559"/>
                  </a:lnTo>
                  <a:lnTo>
                    <a:pt x="804" y="501"/>
                  </a:lnTo>
                  <a:lnTo>
                    <a:pt x="804" y="444"/>
                  </a:lnTo>
                  <a:lnTo>
                    <a:pt x="791" y="379"/>
                  </a:lnTo>
                  <a:lnTo>
                    <a:pt x="762" y="283"/>
                  </a:lnTo>
                  <a:lnTo>
                    <a:pt x="710" y="204"/>
                  </a:lnTo>
                  <a:lnTo>
                    <a:pt x="660" y="123"/>
                  </a:lnTo>
                  <a:lnTo>
                    <a:pt x="632" y="94"/>
                  </a:lnTo>
                  <a:lnTo>
                    <a:pt x="595" y="66"/>
                  </a:lnTo>
                  <a:lnTo>
                    <a:pt x="559" y="50"/>
                  </a:lnTo>
                  <a:lnTo>
                    <a:pt x="522" y="29"/>
                  </a:lnTo>
                  <a:lnTo>
                    <a:pt x="442" y="0"/>
                  </a:lnTo>
                  <a:lnTo>
                    <a:pt x="543" y="73"/>
                  </a:lnTo>
                  <a:lnTo>
                    <a:pt x="632" y="152"/>
                  </a:lnTo>
                  <a:lnTo>
                    <a:pt x="551" y="102"/>
                  </a:lnTo>
                  <a:lnTo>
                    <a:pt x="478" y="50"/>
                  </a:lnTo>
                  <a:lnTo>
                    <a:pt x="478" y="58"/>
                  </a:lnTo>
                  <a:lnTo>
                    <a:pt x="478" y="73"/>
                  </a:lnTo>
                  <a:lnTo>
                    <a:pt x="376" y="45"/>
                  </a:lnTo>
                  <a:lnTo>
                    <a:pt x="319" y="29"/>
                  </a:lnTo>
                  <a:lnTo>
                    <a:pt x="246" y="29"/>
                  </a:lnTo>
                  <a:lnTo>
                    <a:pt x="246" y="45"/>
                  </a:lnTo>
                  <a:lnTo>
                    <a:pt x="253" y="50"/>
                  </a:lnTo>
                  <a:lnTo>
                    <a:pt x="188" y="81"/>
                  </a:lnTo>
                  <a:lnTo>
                    <a:pt x="138" y="102"/>
                  </a:lnTo>
                  <a:lnTo>
                    <a:pt x="94" y="139"/>
                  </a:lnTo>
                  <a:lnTo>
                    <a:pt x="58" y="189"/>
                  </a:lnTo>
                  <a:lnTo>
                    <a:pt x="36" y="233"/>
                  </a:lnTo>
                  <a:lnTo>
                    <a:pt x="21" y="269"/>
                  </a:lnTo>
                  <a:lnTo>
                    <a:pt x="0" y="348"/>
                  </a:lnTo>
                  <a:lnTo>
                    <a:pt x="0" y="436"/>
                  </a:lnTo>
                  <a:lnTo>
                    <a:pt x="21" y="515"/>
                  </a:lnTo>
                  <a:lnTo>
                    <a:pt x="50" y="588"/>
                  </a:lnTo>
                  <a:lnTo>
                    <a:pt x="102" y="653"/>
                  </a:lnTo>
                  <a:lnTo>
                    <a:pt x="152" y="705"/>
                  </a:lnTo>
                  <a:lnTo>
                    <a:pt x="217" y="741"/>
                  </a:lnTo>
                  <a:lnTo>
                    <a:pt x="180" y="741"/>
                  </a:lnTo>
                  <a:lnTo>
                    <a:pt x="130" y="734"/>
                  </a:lnTo>
                  <a:lnTo>
                    <a:pt x="175" y="755"/>
                  </a:lnTo>
                  <a:lnTo>
                    <a:pt x="217" y="770"/>
                  </a:lnTo>
                  <a:lnTo>
                    <a:pt x="298" y="783"/>
                  </a:lnTo>
                  <a:lnTo>
                    <a:pt x="370" y="783"/>
                  </a:lnTo>
                  <a:lnTo>
                    <a:pt x="457" y="770"/>
                  </a:lnTo>
                  <a:lnTo>
                    <a:pt x="405" y="791"/>
                  </a:lnTo>
                  <a:lnTo>
                    <a:pt x="355" y="806"/>
                  </a:lnTo>
                  <a:lnTo>
                    <a:pt x="274" y="806"/>
                  </a:lnTo>
                  <a:lnTo>
                    <a:pt x="159" y="799"/>
                  </a:lnTo>
                  <a:lnTo>
                    <a:pt x="196" y="814"/>
                  </a:lnTo>
                  <a:lnTo>
                    <a:pt x="240" y="820"/>
                  </a:lnTo>
                  <a:lnTo>
                    <a:pt x="340" y="820"/>
                  </a:lnTo>
                  <a:lnTo>
                    <a:pt x="405" y="820"/>
                  </a:lnTo>
                  <a:lnTo>
                    <a:pt x="470" y="806"/>
                  </a:lnTo>
                  <a:lnTo>
                    <a:pt x="530" y="791"/>
                  </a:lnTo>
                  <a:lnTo>
                    <a:pt x="572" y="770"/>
                  </a:lnTo>
                  <a:lnTo>
                    <a:pt x="624" y="755"/>
                  </a:lnTo>
                  <a:lnTo>
                    <a:pt x="660" y="718"/>
                  </a:lnTo>
                  <a:lnTo>
                    <a:pt x="697" y="682"/>
                  </a:lnTo>
                  <a:lnTo>
                    <a:pt x="726" y="640"/>
                  </a:lnTo>
                  <a:lnTo>
                    <a:pt x="731" y="616"/>
                  </a:lnTo>
                  <a:lnTo>
                    <a:pt x="739" y="574"/>
                  </a:lnTo>
                  <a:lnTo>
                    <a:pt x="739" y="522"/>
                  </a:lnTo>
                  <a:lnTo>
                    <a:pt x="731" y="501"/>
                  </a:lnTo>
                  <a:lnTo>
                    <a:pt x="726" y="480"/>
                  </a:lnTo>
                  <a:lnTo>
                    <a:pt x="726" y="450"/>
                  </a:lnTo>
                  <a:lnTo>
                    <a:pt x="739" y="457"/>
                  </a:lnTo>
                  <a:lnTo>
                    <a:pt x="747" y="465"/>
                  </a:lnTo>
                  <a:lnTo>
                    <a:pt x="762" y="538"/>
                  </a:lnTo>
                  <a:lnTo>
                    <a:pt x="768" y="494"/>
                  </a:lnTo>
                  <a:lnTo>
                    <a:pt x="762" y="450"/>
                  </a:lnTo>
                  <a:lnTo>
                    <a:pt x="747" y="421"/>
                  </a:lnTo>
                  <a:lnTo>
                    <a:pt x="731" y="400"/>
                  </a:lnTo>
                  <a:lnTo>
                    <a:pt x="731" y="392"/>
                  </a:lnTo>
                  <a:lnTo>
                    <a:pt x="739" y="400"/>
                  </a:lnTo>
                  <a:lnTo>
                    <a:pt x="762" y="407"/>
                  </a:lnTo>
                  <a:lnTo>
                    <a:pt x="768" y="421"/>
                  </a:lnTo>
                  <a:lnTo>
                    <a:pt x="783" y="457"/>
                  </a:lnTo>
                  <a:lnTo>
                    <a:pt x="791" y="501"/>
                  </a:lnTo>
                  <a:lnTo>
                    <a:pt x="783" y="545"/>
                  </a:lnTo>
                  <a:lnTo>
                    <a:pt x="783" y="632"/>
                  </a:lnTo>
                  <a:lnTo>
                    <a:pt x="776" y="632"/>
                  </a:lnTo>
                  <a:lnTo>
                    <a:pt x="559" y="421"/>
                  </a:lnTo>
                  <a:lnTo>
                    <a:pt x="543" y="501"/>
                  </a:lnTo>
                  <a:lnTo>
                    <a:pt x="514" y="559"/>
                  </a:lnTo>
                  <a:lnTo>
                    <a:pt x="501" y="580"/>
                  </a:lnTo>
                  <a:lnTo>
                    <a:pt x="470" y="603"/>
                  </a:lnTo>
                  <a:lnTo>
                    <a:pt x="399" y="640"/>
                  </a:lnTo>
                  <a:lnTo>
                    <a:pt x="334" y="632"/>
                  </a:lnTo>
                  <a:lnTo>
                    <a:pt x="269" y="611"/>
                  </a:lnTo>
                  <a:lnTo>
                    <a:pt x="217" y="580"/>
                  </a:lnTo>
                  <a:lnTo>
                    <a:pt x="180" y="545"/>
                  </a:lnTo>
                  <a:lnTo>
                    <a:pt x="159" y="501"/>
                  </a:lnTo>
                  <a:lnTo>
                    <a:pt x="138" y="465"/>
                  </a:lnTo>
                  <a:lnTo>
                    <a:pt x="130" y="428"/>
                  </a:lnTo>
                  <a:lnTo>
                    <a:pt x="130" y="392"/>
                  </a:lnTo>
                  <a:lnTo>
                    <a:pt x="130" y="334"/>
                  </a:lnTo>
                  <a:lnTo>
                    <a:pt x="138" y="298"/>
                  </a:lnTo>
                  <a:lnTo>
                    <a:pt x="152" y="261"/>
                  </a:lnTo>
                  <a:lnTo>
                    <a:pt x="167" y="240"/>
                  </a:lnTo>
                  <a:lnTo>
                    <a:pt x="217" y="204"/>
                  </a:lnTo>
                  <a:lnTo>
                    <a:pt x="282" y="160"/>
                  </a:lnTo>
                  <a:lnTo>
                    <a:pt x="298" y="160"/>
                  </a:lnTo>
                  <a:lnTo>
                    <a:pt x="298" y="152"/>
                  </a:lnTo>
                  <a:lnTo>
                    <a:pt x="240" y="167"/>
                  </a:lnTo>
                  <a:lnTo>
                    <a:pt x="196" y="196"/>
                  </a:lnTo>
                  <a:lnTo>
                    <a:pt x="152" y="233"/>
                  </a:lnTo>
                  <a:lnTo>
                    <a:pt x="115" y="269"/>
                  </a:lnTo>
                  <a:lnTo>
                    <a:pt x="115" y="277"/>
                  </a:lnTo>
                  <a:lnTo>
                    <a:pt x="109" y="277"/>
                  </a:lnTo>
                  <a:lnTo>
                    <a:pt x="130" y="233"/>
                  </a:lnTo>
                  <a:lnTo>
                    <a:pt x="159" y="189"/>
                  </a:lnTo>
                  <a:lnTo>
                    <a:pt x="196" y="160"/>
                  </a:lnTo>
                  <a:lnTo>
                    <a:pt x="240" y="139"/>
                  </a:lnTo>
                  <a:lnTo>
                    <a:pt x="274" y="123"/>
                  </a:lnTo>
                  <a:lnTo>
                    <a:pt x="319" y="110"/>
                  </a:lnTo>
                  <a:lnTo>
                    <a:pt x="376" y="102"/>
                  </a:lnTo>
                  <a:lnTo>
                    <a:pt x="370" y="94"/>
                  </a:lnTo>
                  <a:lnTo>
                    <a:pt x="347" y="87"/>
                  </a:lnTo>
                  <a:lnTo>
                    <a:pt x="326" y="81"/>
                  </a:lnTo>
                  <a:lnTo>
                    <a:pt x="311" y="73"/>
                  </a:lnTo>
                  <a:lnTo>
                    <a:pt x="340" y="66"/>
                  </a:lnTo>
                  <a:lnTo>
                    <a:pt x="370" y="58"/>
                  </a:lnTo>
                  <a:lnTo>
                    <a:pt x="413" y="66"/>
                  </a:lnTo>
                  <a:lnTo>
                    <a:pt x="493" y="94"/>
                  </a:lnTo>
                  <a:lnTo>
                    <a:pt x="486" y="123"/>
                  </a:lnTo>
                  <a:lnTo>
                    <a:pt x="478" y="146"/>
                  </a:lnTo>
                  <a:lnTo>
                    <a:pt x="478" y="181"/>
                  </a:lnTo>
                  <a:lnTo>
                    <a:pt x="501" y="175"/>
                  </a:lnTo>
                  <a:lnTo>
                    <a:pt x="507" y="181"/>
                  </a:lnTo>
                  <a:lnTo>
                    <a:pt x="478" y="212"/>
                  </a:lnTo>
                  <a:lnTo>
                    <a:pt x="449" y="233"/>
                  </a:lnTo>
                  <a:lnTo>
                    <a:pt x="478" y="240"/>
                  </a:lnTo>
                  <a:lnTo>
                    <a:pt x="501" y="240"/>
                  </a:lnTo>
                  <a:lnTo>
                    <a:pt x="514" y="248"/>
                  </a:lnTo>
                  <a:lnTo>
                    <a:pt x="514" y="254"/>
                  </a:lnTo>
                  <a:lnTo>
                    <a:pt x="522" y="261"/>
                  </a:lnTo>
                  <a:lnTo>
                    <a:pt x="530" y="261"/>
                  </a:lnTo>
                  <a:lnTo>
                    <a:pt x="543" y="269"/>
                  </a:lnTo>
                  <a:lnTo>
                    <a:pt x="551" y="290"/>
                  </a:lnTo>
                  <a:lnTo>
                    <a:pt x="566" y="327"/>
                  </a:lnTo>
                  <a:lnTo>
                    <a:pt x="566" y="379"/>
                  </a:lnTo>
                  <a:lnTo>
                    <a:pt x="559" y="421"/>
                  </a:lnTo>
                  <a:lnTo>
                    <a:pt x="776" y="632"/>
                  </a:lnTo>
                  <a:close/>
                </a:path>
              </a:pathLst>
            </a:custGeom>
            <a:gradFill>
              <a:gsLst>
                <a:gs pos="1000">
                  <a:schemeClr val="accent1">
                    <a:alpha val="20000"/>
                  </a:schemeClr>
                </a:gs>
                <a:gs pos="100000">
                  <a:schemeClr val="accent1"/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1" name="フリーフォーム 40"/>
            <p:cNvSpPr>
              <a:spLocks/>
            </p:cNvSpPr>
            <p:nvPr/>
          </p:nvSpPr>
          <p:spPr bwMode="auto">
            <a:xfrm>
              <a:off x="7358082" y="4714884"/>
              <a:ext cx="251974" cy="453319"/>
            </a:xfrm>
            <a:custGeom>
              <a:avLst/>
              <a:gdLst>
                <a:gd name="T0" fmla="*/ 0 w 144"/>
                <a:gd name="T1" fmla="*/ 0 h 261"/>
                <a:gd name="T2" fmla="*/ 66675 w 144"/>
                <a:gd name="T3" fmla="*/ 149225 h 261"/>
                <a:gd name="T4" fmla="*/ 138113 w 144"/>
                <a:gd name="T5" fmla="*/ 274638 h 261"/>
                <a:gd name="T6" fmla="*/ 207963 w 144"/>
                <a:gd name="T7" fmla="*/ 357188 h 261"/>
                <a:gd name="T8" fmla="*/ 228600 w 144"/>
                <a:gd name="T9" fmla="*/ 414338 h 261"/>
                <a:gd name="T10" fmla="*/ 125413 w 144"/>
                <a:gd name="T11" fmla="*/ 331788 h 261"/>
                <a:gd name="T12" fmla="*/ 92075 w 144"/>
                <a:gd name="T13" fmla="*/ 274638 h 261"/>
                <a:gd name="T14" fmla="*/ 46038 w 144"/>
                <a:gd name="T15" fmla="*/ 195263 h 261"/>
                <a:gd name="T16" fmla="*/ 12700 w 144"/>
                <a:gd name="T17" fmla="*/ 103188 h 261"/>
                <a:gd name="T18" fmla="*/ 12700 w 144"/>
                <a:gd name="T19" fmla="*/ 0 h 261"/>
                <a:gd name="T20" fmla="*/ 0 w 144"/>
                <a:gd name="T21" fmla="*/ 0 h 261"/>
                <a:gd name="T22" fmla="*/ 0 1 256"/>
                <a:gd name="T23" fmla="*/ 0 1 256"/>
                <a:gd name="T24" fmla="*/ 0 1 256"/>
                <a:gd name="T25" fmla="*/ 0 1 256"/>
                <a:gd name="T26" fmla="*/ 0 1 256"/>
                <a:gd name="T27" fmla="*/ 0 1 256"/>
                <a:gd name="T28" fmla="*/ 0 1 256"/>
                <a:gd name="T29" fmla="*/ 0 1 256"/>
                <a:gd name="T30" fmla="*/ 0 1 256"/>
                <a:gd name="T31" fmla="*/ 0 1 256"/>
                <a:gd name="T32" fmla="*/ 0 1 256"/>
                <a:gd name="T33" fmla="*/ 0 w 144"/>
                <a:gd name="T34" fmla="*/ 0 h 261"/>
                <a:gd name="T35" fmla="*/ 0 w 144"/>
                <a:gd name="T36" fmla="*/ 0 h 261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T33" t="T34" r="T35" b="T36"/>
              <a:pathLst>
                <a:path w="144" h="261">
                  <a:moveTo>
                    <a:pt x="0" y="0"/>
                  </a:moveTo>
                  <a:lnTo>
                    <a:pt x="42" y="94"/>
                  </a:lnTo>
                  <a:lnTo>
                    <a:pt x="87" y="173"/>
                  </a:lnTo>
                  <a:lnTo>
                    <a:pt x="131" y="225"/>
                  </a:lnTo>
                  <a:lnTo>
                    <a:pt x="144" y="261"/>
                  </a:lnTo>
                  <a:lnTo>
                    <a:pt x="79" y="209"/>
                  </a:lnTo>
                  <a:lnTo>
                    <a:pt x="58" y="173"/>
                  </a:lnTo>
                  <a:lnTo>
                    <a:pt x="29" y="123"/>
                  </a:lnTo>
                  <a:lnTo>
                    <a:pt x="8" y="65"/>
                  </a:lnTo>
                  <a:lnTo>
                    <a:pt x="8" y="0"/>
                  </a:lnTo>
                  <a:lnTo>
                    <a:pt x="0" y="0"/>
                  </a:lnTo>
                  <a:close/>
                </a:path>
              </a:pathLst>
            </a:custGeom>
            <a:gradFill>
              <a:gsLst>
                <a:gs pos="1000">
                  <a:schemeClr val="accent1">
                    <a:alpha val="20000"/>
                  </a:schemeClr>
                </a:gs>
                <a:gs pos="100000">
                  <a:schemeClr val="accent1"/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  <p:grpSp>
        <p:nvGrpSpPr>
          <p:cNvPr id="11" name="グループ化 10"/>
          <p:cNvGrpSpPr/>
          <p:nvPr/>
        </p:nvGrpSpPr>
        <p:grpSpPr>
          <a:xfrm>
            <a:off x="6357950" y="5000636"/>
            <a:ext cx="1071570" cy="1036602"/>
            <a:chOff x="6357950" y="5000636"/>
            <a:chExt cx="1071570" cy="1036602"/>
          </a:xfrm>
          <a:gradFill>
            <a:gsLst>
              <a:gs pos="0">
                <a:schemeClr val="accent1">
                  <a:alpha val="20000"/>
                </a:schemeClr>
              </a:gs>
              <a:gs pos="100000">
                <a:schemeClr val="accent1"/>
              </a:gs>
            </a:gsLst>
            <a:lin ang="5400000" scaled="1"/>
          </a:gradFill>
        </p:grpSpPr>
        <p:sp>
          <p:nvSpPr>
            <p:cNvPr id="43" name="フリーフォーム 42"/>
            <p:cNvSpPr>
              <a:spLocks/>
            </p:cNvSpPr>
            <p:nvPr/>
          </p:nvSpPr>
          <p:spPr bwMode="auto">
            <a:xfrm rot="21162566">
              <a:off x="6357950" y="5000636"/>
              <a:ext cx="1071570" cy="1036602"/>
            </a:xfrm>
            <a:custGeom>
              <a:avLst/>
              <a:gdLst>
                <a:gd name="T0" fmla="*/ 320675 w 551"/>
                <a:gd name="T1" fmla="*/ 11112 h 537"/>
                <a:gd name="T2" fmla="*/ 331787 w 551"/>
                <a:gd name="T3" fmla="*/ 11112 h 537"/>
                <a:gd name="T4" fmla="*/ 265112 w 551"/>
                <a:gd name="T5" fmla="*/ 93662 h 537"/>
                <a:gd name="T6" fmla="*/ 171450 w 551"/>
                <a:gd name="T7" fmla="*/ 185737 h 537"/>
                <a:gd name="T8" fmla="*/ 112712 w 551"/>
                <a:gd name="T9" fmla="*/ 334962 h 537"/>
                <a:gd name="T10" fmla="*/ 136525 w 551"/>
                <a:gd name="T11" fmla="*/ 495300 h 537"/>
                <a:gd name="T12" fmla="*/ 241300 w 551"/>
                <a:gd name="T13" fmla="*/ 633412 h 537"/>
                <a:gd name="T14" fmla="*/ 401637 w 551"/>
                <a:gd name="T15" fmla="*/ 715962 h 537"/>
                <a:gd name="T16" fmla="*/ 563562 w 551"/>
                <a:gd name="T17" fmla="*/ 715962 h 537"/>
                <a:gd name="T18" fmla="*/ 688975 w 551"/>
                <a:gd name="T19" fmla="*/ 600075 h 537"/>
                <a:gd name="T20" fmla="*/ 701675 w 551"/>
                <a:gd name="T21" fmla="*/ 495300 h 537"/>
                <a:gd name="T22" fmla="*/ 642937 w 551"/>
                <a:gd name="T23" fmla="*/ 358775 h 537"/>
                <a:gd name="T24" fmla="*/ 701675 w 551"/>
                <a:gd name="T25" fmla="*/ 404812 h 537"/>
                <a:gd name="T26" fmla="*/ 622300 w 551"/>
                <a:gd name="T27" fmla="*/ 288925 h 537"/>
                <a:gd name="T28" fmla="*/ 735012 w 551"/>
                <a:gd name="T29" fmla="*/ 392112 h 537"/>
                <a:gd name="T30" fmla="*/ 758825 w 551"/>
                <a:gd name="T31" fmla="*/ 471487 h 537"/>
                <a:gd name="T32" fmla="*/ 735012 w 551"/>
                <a:gd name="T33" fmla="*/ 587375 h 537"/>
                <a:gd name="T34" fmla="*/ 746125 w 551"/>
                <a:gd name="T35" fmla="*/ 577850 h 537"/>
                <a:gd name="T36" fmla="*/ 792162 w 551"/>
                <a:gd name="T37" fmla="*/ 495300 h 537"/>
                <a:gd name="T38" fmla="*/ 792162 w 551"/>
                <a:gd name="T39" fmla="*/ 415925 h 537"/>
                <a:gd name="T40" fmla="*/ 725487 w 551"/>
                <a:gd name="T41" fmla="*/ 263525 h 537"/>
                <a:gd name="T42" fmla="*/ 746125 w 551"/>
                <a:gd name="T43" fmla="*/ 242887 h 537"/>
                <a:gd name="T44" fmla="*/ 642937 w 551"/>
                <a:gd name="T45" fmla="*/ 160337 h 537"/>
                <a:gd name="T46" fmla="*/ 527050 w 551"/>
                <a:gd name="T47" fmla="*/ 139700 h 537"/>
                <a:gd name="T48" fmla="*/ 517525 w 551"/>
                <a:gd name="T49" fmla="*/ 127000 h 537"/>
                <a:gd name="T50" fmla="*/ 527050 w 551"/>
                <a:gd name="T51" fmla="*/ 103187 h 537"/>
                <a:gd name="T52" fmla="*/ 585787 w 551"/>
                <a:gd name="T53" fmla="*/ 80962 h 537"/>
                <a:gd name="T54" fmla="*/ 782637 w 551"/>
                <a:gd name="T55" fmla="*/ 196850 h 537"/>
                <a:gd name="T56" fmla="*/ 862012 w 551"/>
                <a:gd name="T57" fmla="*/ 334962 h 537"/>
                <a:gd name="T58" fmla="*/ 862012 w 551"/>
                <a:gd name="T59" fmla="*/ 495300 h 537"/>
                <a:gd name="T60" fmla="*/ 804862 w 551"/>
                <a:gd name="T61" fmla="*/ 669925 h 537"/>
                <a:gd name="T62" fmla="*/ 688975 w 551"/>
                <a:gd name="T63" fmla="*/ 785812 h 537"/>
                <a:gd name="T64" fmla="*/ 563562 w 551"/>
                <a:gd name="T65" fmla="*/ 842962 h 537"/>
                <a:gd name="T66" fmla="*/ 390525 w 551"/>
                <a:gd name="T67" fmla="*/ 852487 h 537"/>
                <a:gd name="T68" fmla="*/ 207962 w 551"/>
                <a:gd name="T69" fmla="*/ 793750 h 537"/>
                <a:gd name="T70" fmla="*/ 57150 w 551"/>
                <a:gd name="T71" fmla="*/ 669925 h 537"/>
                <a:gd name="T72" fmla="*/ 46037 w 551"/>
                <a:gd name="T73" fmla="*/ 611187 h 537"/>
                <a:gd name="T74" fmla="*/ 92075 w 551"/>
                <a:gd name="T75" fmla="*/ 690562 h 537"/>
                <a:gd name="T76" fmla="*/ 103187 w 551"/>
                <a:gd name="T77" fmla="*/ 681037 h 537"/>
                <a:gd name="T78" fmla="*/ 112712 w 551"/>
                <a:gd name="T79" fmla="*/ 690562 h 537"/>
                <a:gd name="T80" fmla="*/ 33337 w 551"/>
                <a:gd name="T81" fmla="*/ 528637 h 537"/>
                <a:gd name="T82" fmla="*/ 0 w 551"/>
                <a:gd name="T83" fmla="*/ 379412 h 537"/>
                <a:gd name="T84" fmla="*/ 9525 w 551"/>
                <a:gd name="T85" fmla="*/ 404812 h 537"/>
                <a:gd name="T86" fmla="*/ 46037 w 551"/>
                <a:gd name="T87" fmla="*/ 368300 h 537"/>
                <a:gd name="T88" fmla="*/ 79375 w 551"/>
                <a:gd name="T89" fmla="*/ 219075 h 537"/>
                <a:gd name="T90" fmla="*/ 182562 w 551"/>
                <a:gd name="T91" fmla="*/ 103187 h 537"/>
                <a:gd name="T92" fmla="*/ 265112 w 551"/>
                <a:gd name="T93" fmla="*/ 57150 h 537"/>
                <a:gd name="T94" fmla="*/ 311150 w 551"/>
                <a:gd name="T95" fmla="*/ 23812 h 537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1 256"/>
                <a:gd name="T142" fmla="*/ 0 1 256"/>
                <a:gd name="T143" fmla="*/ 0 1 256"/>
                <a:gd name="T144" fmla="*/ 0 w 551"/>
                <a:gd name="T145" fmla="*/ 0 h 537"/>
                <a:gd name="T146" fmla="*/ 0 w 551"/>
                <a:gd name="T147" fmla="*/ 0 h 537"/>
              </a:gdLst>
              <a:ahLst/>
              <a:cxnLst>
                <a:cxn ang="T96">
                  <a:pos x="T0" y="T1"/>
                </a:cxn>
                <a:cxn ang="T97">
                  <a:pos x="T2" y="T3"/>
                </a:cxn>
                <a:cxn ang="T98">
                  <a:pos x="T4" y="T5"/>
                </a:cxn>
                <a:cxn ang="T99">
                  <a:pos x="T6" y="T7"/>
                </a:cxn>
                <a:cxn ang="T100">
                  <a:pos x="T8" y="T9"/>
                </a:cxn>
                <a:cxn ang="T101">
                  <a:pos x="T10" y="T11"/>
                </a:cxn>
                <a:cxn ang="T102">
                  <a:pos x="T12" y="T13"/>
                </a:cxn>
                <a:cxn ang="T103">
                  <a:pos x="T14" y="T15"/>
                </a:cxn>
                <a:cxn ang="T104">
                  <a:pos x="T16" y="T17"/>
                </a:cxn>
                <a:cxn ang="T105">
                  <a:pos x="T18" y="T19"/>
                </a:cxn>
                <a:cxn ang="T106">
                  <a:pos x="T20" y="T21"/>
                </a:cxn>
                <a:cxn ang="T107">
                  <a:pos x="T22" y="T23"/>
                </a:cxn>
                <a:cxn ang="T108">
                  <a:pos x="T24" y="T25"/>
                </a:cxn>
                <a:cxn ang="T109">
                  <a:pos x="T26" y="T27"/>
                </a:cxn>
                <a:cxn ang="T110">
                  <a:pos x="T28" y="T29"/>
                </a:cxn>
                <a:cxn ang="T111">
                  <a:pos x="T30" y="T31"/>
                </a:cxn>
                <a:cxn ang="T112">
                  <a:pos x="T32" y="T33"/>
                </a:cxn>
                <a:cxn ang="T113">
                  <a:pos x="T34" y="T35"/>
                </a:cxn>
                <a:cxn ang="T114">
                  <a:pos x="T36" y="T37"/>
                </a:cxn>
                <a:cxn ang="T115">
                  <a:pos x="T38" y="T39"/>
                </a:cxn>
                <a:cxn ang="T116">
                  <a:pos x="T40" y="T41"/>
                </a:cxn>
                <a:cxn ang="T117">
                  <a:pos x="T42" y="T43"/>
                </a:cxn>
                <a:cxn ang="T118">
                  <a:pos x="T44" y="T45"/>
                </a:cxn>
                <a:cxn ang="T119">
                  <a:pos x="T46" y="T47"/>
                </a:cxn>
                <a:cxn ang="T120">
                  <a:pos x="T48" y="T49"/>
                </a:cxn>
                <a:cxn ang="T121">
                  <a:pos x="T50" y="T51"/>
                </a:cxn>
                <a:cxn ang="T122">
                  <a:pos x="T52" y="T53"/>
                </a:cxn>
                <a:cxn ang="T123">
                  <a:pos x="T54" y="T55"/>
                </a:cxn>
                <a:cxn ang="T124">
                  <a:pos x="T56" y="T57"/>
                </a:cxn>
                <a:cxn ang="T125">
                  <a:pos x="T58" y="T59"/>
                </a:cxn>
                <a:cxn ang="T126">
                  <a:pos x="T60" y="T61"/>
                </a:cxn>
                <a:cxn ang="T127">
                  <a:pos x="T62" y="T63"/>
                </a:cxn>
                <a:cxn ang="T128">
                  <a:pos x="T64" y="T65"/>
                </a:cxn>
                <a:cxn ang="T129">
                  <a:pos x="T66" y="T67"/>
                </a:cxn>
                <a:cxn ang="T130">
                  <a:pos x="T68" y="T69"/>
                </a:cxn>
                <a:cxn ang="T131">
                  <a:pos x="T70" y="T71"/>
                </a:cxn>
                <a:cxn ang="T132">
                  <a:pos x="T72" y="T73"/>
                </a:cxn>
                <a:cxn ang="T133">
                  <a:pos x="T74" y="T75"/>
                </a:cxn>
                <a:cxn ang="T134">
                  <a:pos x="T76" y="T77"/>
                </a:cxn>
                <a:cxn ang="T135">
                  <a:pos x="T78" y="T79"/>
                </a:cxn>
                <a:cxn ang="T136">
                  <a:pos x="T80" y="T81"/>
                </a:cxn>
                <a:cxn ang="T137">
                  <a:pos x="T82" y="T83"/>
                </a:cxn>
                <a:cxn ang="T138">
                  <a:pos x="T84" y="T85"/>
                </a:cxn>
                <a:cxn ang="T139">
                  <a:pos x="T86" y="T87"/>
                </a:cxn>
                <a:cxn ang="T140">
                  <a:pos x="T88" y="T89"/>
                </a:cxn>
                <a:cxn ang="T141">
                  <a:pos x="T90" y="T91"/>
                </a:cxn>
                <a:cxn ang="T142">
                  <a:pos x="T92" y="T93"/>
                </a:cxn>
                <a:cxn ang="T143">
                  <a:pos x="T94" y="T95"/>
                </a:cxn>
              </a:cxnLst>
              <a:rect l="T144" t="T145" r="T146" b="T147"/>
              <a:pathLst>
                <a:path w="551" h="537">
                  <a:moveTo>
                    <a:pt x="196" y="15"/>
                  </a:moveTo>
                  <a:lnTo>
                    <a:pt x="202" y="7"/>
                  </a:lnTo>
                  <a:lnTo>
                    <a:pt x="217" y="0"/>
                  </a:lnTo>
                  <a:lnTo>
                    <a:pt x="209" y="7"/>
                  </a:lnTo>
                  <a:lnTo>
                    <a:pt x="196" y="30"/>
                  </a:lnTo>
                  <a:lnTo>
                    <a:pt x="167" y="59"/>
                  </a:lnTo>
                  <a:lnTo>
                    <a:pt x="136" y="80"/>
                  </a:lnTo>
                  <a:lnTo>
                    <a:pt x="108" y="117"/>
                  </a:lnTo>
                  <a:lnTo>
                    <a:pt x="86" y="174"/>
                  </a:lnTo>
                  <a:lnTo>
                    <a:pt x="71" y="211"/>
                  </a:lnTo>
                  <a:lnTo>
                    <a:pt x="71" y="247"/>
                  </a:lnTo>
                  <a:lnTo>
                    <a:pt x="86" y="312"/>
                  </a:lnTo>
                  <a:lnTo>
                    <a:pt x="115" y="364"/>
                  </a:lnTo>
                  <a:lnTo>
                    <a:pt x="152" y="399"/>
                  </a:lnTo>
                  <a:lnTo>
                    <a:pt x="196" y="435"/>
                  </a:lnTo>
                  <a:lnTo>
                    <a:pt x="253" y="451"/>
                  </a:lnTo>
                  <a:lnTo>
                    <a:pt x="303" y="458"/>
                  </a:lnTo>
                  <a:lnTo>
                    <a:pt x="355" y="451"/>
                  </a:lnTo>
                  <a:lnTo>
                    <a:pt x="392" y="435"/>
                  </a:lnTo>
                  <a:lnTo>
                    <a:pt x="434" y="378"/>
                  </a:lnTo>
                  <a:lnTo>
                    <a:pt x="442" y="356"/>
                  </a:lnTo>
                  <a:lnTo>
                    <a:pt x="442" y="312"/>
                  </a:lnTo>
                  <a:lnTo>
                    <a:pt x="434" y="284"/>
                  </a:lnTo>
                  <a:lnTo>
                    <a:pt x="405" y="226"/>
                  </a:lnTo>
                  <a:lnTo>
                    <a:pt x="413" y="226"/>
                  </a:lnTo>
                  <a:lnTo>
                    <a:pt x="442" y="255"/>
                  </a:lnTo>
                  <a:lnTo>
                    <a:pt x="442" y="232"/>
                  </a:lnTo>
                  <a:lnTo>
                    <a:pt x="392" y="182"/>
                  </a:lnTo>
                  <a:lnTo>
                    <a:pt x="405" y="182"/>
                  </a:lnTo>
                  <a:lnTo>
                    <a:pt x="463" y="247"/>
                  </a:lnTo>
                  <a:lnTo>
                    <a:pt x="470" y="276"/>
                  </a:lnTo>
                  <a:lnTo>
                    <a:pt x="478" y="297"/>
                  </a:lnTo>
                  <a:lnTo>
                    <a:pt x="478" y="320"/>
                  </a:lnTo>
                  <a:lnTo>
                    <a:pt x="463" y="370"/>
                  </a:lnTo>
                  <a:lnTo>
                    <a:pt x="470" y="370"/>
                  </a:lnTo>
                  <a:lnTo>
                    <a:pt x="470" y="364"/>
                  </a:lnTo>
                  <a:lnTo>
                    <a:pt x="486" y="341"/>
                  </a:lnTo>
                  <a:lnTo>
                    <a:pt x="499" y="312"/>
                  </a:lnTo>
                  <a:lnTo>
                    <a:pt x="499" y="291"/>
                  </a:lnTo>
                  <a:lnTo>
                    <a:pt x="499" y="262"/>
                  </a:lnTo>
                  <a:lnTo>
                    <a:pt x="478" y="211"/>
                  </a:lnTo>
                  <a:lnTo>
                    <a:pt x="457" y="166"/>
                  </a:lnTo>
                  <a:lnTo>
                    <a:pt x="463" y="161"/>
                  </a:lnTo>
                  <a:lnTo>
                    <a:pt x="470" y="153"/>
                  </a:lnTo>
                  <a:lnTo>
                    <a:pt x="442" y="124"/>
                  </a:lnTo>
                  <a:lnTo>
                    <a:pt x="405" y="101"/>
                  </a:lnTo>
                  <a:lnTo>
                    <a:pt x="355" y="95"/>
                  </a:lnTo>
                  <a:lnTo>
                    <a:pt x="332" y="88"/>
                  </a:lnTo>
                  <a:lnTo>
                    <a:pt x="311" y="80"/>
                  </a:lnTo>
                  <a:lnTo>
                    <a:pt x="326" y="80"/>
                  </a:lnTo>
                  <a:lnTo>
                    <a:pt x="369" y="65"/>
                  </a:lnTo>
                  <a:lnTo>
                    <a:pt x="332" y="65"/>
                  </a:lnTo>
                  <a:lnTo>
                    <a:pt x="332" y="51"/>
                  </a:lnTo>
                  <a:lnTo>
                    <a:pt x="369" y="51"/>
                  </a:lnTo>
                  <a:lnTo>
                    <a:pt x="457" y="95"/>
                  </a:lnTo>
                  <a:lnTo>
                    <a:pt x="493" y="124"/>
                  </a:lnTo>
                  <a:lnTo>
                    <a:pt x="522" y="161"/>
                  </a:lnTo>
                  <a:lnTo>
                    <a:pt x="543" y="211"/>
                  </a:lnTo>
                  <a:lnTo>
                    <a:pt x="551" y="268"/>
                  </a:lnTo>
                  <a:lnTo>
                    <a:pt x="543" y="312"/>
                  </a:lnTo>
                  <a:lnTo>
                    <a:pt x="528" y="370"/>
                  </a:lnTo>
                  <a:lnTo>
                    <a:pt x="507" y="422"/>
                  </a:lnTo>
                  <a:lnTo>
                    <a:pt x="470" y="464"/>
                  </a:lnTo>
                  <a:lnTo>
                    <a:pt x="434" y="495"/>
                  </a:lnTo>
                  <a:lnTo>
                    <a:pt x="397" y="516"/>
                  </a:lnTo>
                  <a:lnTo>
                    <a:pt x="355" y="531"/>
                  </a:lnTo>
                  <a:lnTo>
                    <a:pt x="303" y="537"/>
                  </a:lnTo>
                  <a:lnTo>
                    <a:pt x="246" y="537"/>
                  </a:lnTo>
                  <a:lnTo>
                    <a:pt x="188" y="523"/>
                  </a:lnTo>
                  <a:lnTo>
                    <a:pt x="131" y="500"/>
                  </a:lnTo>
                  <a:lnTo>
                    <a:pt x="79" y="464"/>
                  </a:lnTo>
                  <a:lnTo>
                    <a:pt x="36" y="422"/>
                  </a:lnTo>
                  <a:lnTo>
                    <a:pt x="0" y="356"/>
                  </a:lnTo>
                  <a:lnTo>
                    <a:pt x="29" y="385"/>
                  </a:lnTo>
                  <a:lnTo>
                    <a:pt x="50" y="429"/>
                  </a:lnTo>
                  <a:lnTo>
                    <a:pt x="58" y="435"/>
                  </a:lnTo>
                  <a:lnTo>
                    <a:pt x="58" y="429"/>
                  </a:lnTo>
                  <a:lnTo>
                    <a:pt x="65" y="429"/>
                  </a:lnTo>
                  <a:lnTo>
                    <a:pt x="71" y="429"/>
                  </a:lnTo>
                  <a:lnTo>
                    <a:pt x="71" y="435"/>
                  </a:lnTo>
                  <a:lnTo>
                    <a:pt x="42" y="393"/>
                  </a:lnTo>
                  <a:lnTo>
                    <a:pt x="21" y="333"/>
                  </a:lnTo>
                  <a:lnTo>
                    <a:pt x="0" y="276"/>
                  </a:lnTo>
                  <a:lnTo>
                    <a:pt x="0" y="239"/>
                  </a:lnTo>
                  <a:lnTo>
                    <a:pt x="0" y="197"/>
                  </a:lnTo>
                  <a:lnTo>
                    <a:pt x="6" y="255"/>
                  </a:lnTo>
                  <a:lnTo>
                    <a:pt x="29" y="297"/>
                  </a:lnTo>
                  <a:lnTo>
                    <a:pt x="29" y="232"/>
                  </a:lnTo>
                  <a:lnTo>
                    <a:pt x="36" y="166"/>
                  </a:lnTo>
                  <a:lnTo>
                    <a:pt x="50" y="138"/>
                  </a:lnTo>
                  <a:lnTo>
                    <a:pt x="71" y="109"/>
                  </a:lnTo>
                  <a:lnTo>
                    <a:pt x="115" y="65"/>
                  </a:lnTo>
                  <a:lnTo>
                    <a:pt x="144" y="51"/>
                  </a:lnTo>
                  <a:lnTo>
                    <a:pt x="167" y="36"/>
                  </a:lnTo>
                  <a:lnTo>
                    <a:pt x="188" y="15"/>
                  </a:lnTo>
                  <a:lnTo>
                    <a:pt x="196" y="15"/>
                  </a:lnTo>
                  <a:close/>
                </a:path>
              </a:pathLst>
            </a:custGeom>
            <a:gradFill>
              <a:gsLst>
                <a:gs pos="0">
                  <a:schemeClr val="accent1">
                    <a:alpha val="20000"/>
                  </a:schemeClr>
                </a:gs>
                <a:gs pos="100000">
                  <a:schemeClr val="accent1"/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4" name="フリーフォーム 43"/>
            <p:cNvSpPr>
              <a:spLocks/>
            </p:cNvSpPr>
            <p:nvPr/>
          </p:nvSpPr>
          <p:spPr bwMode="auto">
            <a:xfrm>
              <a:off x="6715140" y="5214950"/>
              <a:ext cx="431310" cy="71438"/>
            </a:xfrm>
            <a:custGeom>
              <a:avLst/>
              <a:gdLst>
                <a:gd name="T0" fmla="*/ 0 w 232"/>
                <a:gd name="T1" fmla="*/ 0 h 44"/>
                <a:gd name="T2" fmla="*/ 196850 w 232"/>
                <a:gd name="T3" fmla="*/ 12700 h 44"/>
                <a:gd name="T4" fmla="*/ 301625 w 232"/>
                <a:gd name="T5" fmla="*/ 36513 h 44"/>
                <a:gd name="T6" fmla="*/ 334963 w 232"/>
                <a:gd name="T7" fmla="*/ 46038 h 44"/>
                <a:gd name="T8" fmla="*/ 358775 w 232"/>
                <a:gd name="T9" fmla="*/ 58738 h 44"/>
                <a:gd name="T10" fmla="*/ 368300 w 232"/>
                <a:gd name="T11" fmla="*/ 69850 h 44"/>
                <a:gd name="T12" fmla="*/ 346075 w 232"/>
                <a:gd name="T13" fmla="*/ 69850 h 44"/>
                <a:gd name="T14" fmla="*/ 288925 w 232"/>
                <a:gd name="T15" fmla="*/ 46038 h 44"/>
                <a:gd name="T16" fmla="*/ 219075 w 232"/>
                <a:gd name="T17" fmla="*/ 36513 h 44"/>
                <a:gd name="T18" fmla="*/ 219075 w 232"/>
                <a:gd name="T19" fmla="*/ 46038 h 44"/>
                <a:gd name="T20" fmla="*/ 242888 w 232"/>
                <a:gd name="T21" fmla="*/ 69850 h 44"/>
                <a:gd name="T22" fmla="*/ 219075 w 232"/>
                <a:gd name="T23" fmla="*/ 69850 h 44"/>
                <a:gd name="T24" fmla="*/ 196850 w 232"/>
                <a:gd name="T25" fmla="*/ 58738 h 44"/>
                <a:gd name="T26" fmla="*/ 173038 w 232"/>
                <a:gd name="T27" fmla="*/ 46038 h 44"/>
                <a:gd name="T28" fmla="*/ 11113 w 232"/>
                <a:gd name="T29" fmla="*/ 0 h 44"/>
                <a:gd name="T30" fmla="*/ 0 w 232"/>
                <a:gd name="T31" fmla="*/ 0 h 44"/>
                <a:gd name="T32" fmla="*/ 0 1 256"/>
                <a:gd name="T33" fmla="*/ 0 1 256"/>
                <a:gd name="T34" fmla="*/ 0 1 256"/>
                <a:gd name="T35" fmla="*/ 0 1 256"/>
                <a:gd name="T36" fmla="*/ 0 1 256"/>
                <a:gd name="T37" fmla="*/ 0 1 256"/>
                <a:gd name="T38" fmla="*/ 0 1 256"/>
                <a:gd name="T39" fmla="*/ 0 1 256"/>
                <a:gd name="T40" fmla="*/ 0 1 256"/>
                <a:gd name="T41" fmla="*/ 0 1 256"/>
                <a:gd name="T42" fmla="*/ 0 1 256"/>
                <a:gd name="T43" fmla="*/ 0 1 256"/>
                <a:gd name="T44" fmla="*/ 0 1 256"/>
                <a:gd name="T45" fmla="*/ 0 1 256"/>
                <a:gd name="T46" fmla="*/ 0 1 256"/>
                <a:gd name="T47" fmla="*/ 0 1 256"/>
                <a:gd name="T48" fmla="*/ 0 w 232"/>
                <a:gd name="T49" fmla="*/ 0 h 44"/>
                <a:gd name="T50" fmla="*/ 0 w 232"/>
                <a:gd name="T51" fmla="*/ 0 h 44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T48" t="T49" r="T50" b="T51"/>
              <a:pathLst>
                <a:path w="232" h="44">
                  <a:moveTo>
                    <a:pt x="0" y="0"/>
                  </a:moveTo>
                  <a:lnTo>
                    <a:pt x="124" y="8"/>
                  </a:lnTo>
                  <a:lnTo>
                    <a:pt x="190" y="23"/>
                  </a:lnTo>
                  <a:lnTo>
                    <a:pt x="211" y="29"/>
                  </a:lnTo>
                  <a:lnTo>
                    <a:pt x="226" y="37"/>
                  </a:lnTo>
                  <a:lnTo>
                    <a:pt x="232" y="44"/>
                  </a:lnTo>
                  <a:lnTo>
                    <a:pt x="218" y="44"/>
                  </a:lnTo>
                  <a:lnTo>
                    <a:pt x="182" y="29"/>
                  </a:lnTo>
                  <a:lnTo>
                    <a:pt x="138" y="23"/>
                  </a:lnTo>
                  <a:lnTo>
                    <a:pt x="138" y="29"/>
                  </a:lnTo>
                  <a:lnTo>
                    <a:pt x="153" y="44"/>
                  </a:lnTo>
                  <a:lnTo>
                    <a:pt x="138" y="44"/>
                  </a:lnTo>
                  <a:lnTo>
                    <a:pt x="124" y="37"/>
                  </a:lnTo>
                  <a:lnTo>
                    <a:pt x="109" y="29"/>
                  </a:lnTo>
                  <a:lnTo>
                    <a:pt x="7" y="0"/>
                  </a:lnTo>
                  <a:lnTo>
                    <a:pt x="0" y="0"/>
                  </a:lnTo>
                  <a:close/>
                </a:path>
              </a:pathLst>
            </a:custGeom>
            <a:gradFill>
              <a:gsLst>
                <a:gs pos="0">
                  <a:schemeClr val="accent1">
                    <a:alpha val="20000"/>
                  </a:schemeClr>
                </a:gs>
                <a:gs pos="100000">
                  <a:schemeClr val="accent1"/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45" name="フリーフォーム 44"/>
            <p:cNvSpPr>
              <a:spLocks/>
            </p:cNvSpPr>
            <p:nvPr/>
          </p:nvSpPr>
          <p:spPr bwMode="auto">
            <a:xfrm>
              <a:off x="6786578" y="5357826"/>
              <a:ext cx="232643" cy="71242"/>
            </a:xfrm>
            <a:custGeom>
              <a:avLst/>
              <a:gdLst>
                <a:gd name="T0" fmla="*/ 0 w 94"/>
                <a:gd name="T1" fmla="*/ 0 h 29"/>
                <a:gd name="T2" fmla="*/ 82550 w 94"/>
                <a:gd name="T3" fmla="*/ 12700 h 29"/>
                <a:gd name="T4" fmla="*/ 149225 w 94"/>
                <a:gd name="T5" fmla="*/ 33338 h 29"/>
                <a:gd name="T6" fmla="*/ 149225 w 94"/>
                <a:gd name="T7" fmla="*/ 46038 h 29"/>
                <a:gd name="T8" fmla="*/ 127000 w 94"/>
                <a:gd name="T9" fmla="*/ 46038 h 29"/>
                <a:gd name="T10" fmla="*/ 69850 w 94"/>
                <a:gd name="T11" fmla="*/ 25400 h 29"/>
                <a:gd name="T12" fmla="*/ 11113 w 94"/>
                <a:gd name="T13" fmla="*/ 0 h 29"/>
                <a:gd name="T14" fmla="*/ 0 w 94"/>
                <a:gd name="T15" fmla="*/ 0 h 29"/>
                <a:gd name="T16" fmla="*/ 0 1 256"/>
                <a:gd name="T17" fmla="*/ 0 1 256"/>
                <a:gd name="T18" fmla="*/ 0 1 256"/>
                <a:gd name="T19" fmla="*/ 0 1 256"/>
                <a:gd name="T20" fmla="*/ 0 1 256"/>
                <a:gd name="T21" fmla="*/ 0 1 256"/>
                <a:gd name="T22" fmla="*/ 0 1 256"/>
                <a:gd name="T23" fmla="*/ 0 1 256"/>
                <a:gd name="T24" fmla="*/ 0 w 94"/>
                <a:gd name="T25" fmla="*/ 0 h 29"/>
                <a:gd name="T26" fmla="*/ 0 w 94"/>
                <a:gd name="T27" fmla="*/ 0 h 29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94" h="29">
                  <a:moveTo>
                    <a:pt x="0" y="0"/>
                  </a:moveTo>
                  <a:lnTo>
                    <a:pt x="52" y="8"/>
                  </a:lnTo>
                  <a:lnTo>
                    <a:pt x="94" y="21"/>
                  </a:lnTo>
                  <a:lnTo>
                    <a:pt x="94" y="29"/>
                  </a:lnTo>
                  <a:lnTo>
                    <a:pt x="80" y="29"/>
                  </a:lnTo>
                  <a:lnTo>
                    <a:pt x="44" y="16"/>
                  </a:lnTo>
                  <a:lnTo>
                    <a:pt x="7" y="0"/>
                  </a:lnTo>
                  <a:lnTo>
                    <a:pt x="0" y="0"/>
                  </a:lnTo>
                  <a:close/>
                </a:path>
              </a:pathLst>
            </a:custGeom>
            <a:gradFill>
              <a:gsLst>
                <a:gs pos="0">
                  <a:schemeClr val="accent1">
                    <a:alpha val="20000"/>
                  </a:schemeClr>
                </a:gs>
                <a:gs pos="100000">
                  <a:schemeClr val="accent1"/>
                </a:gs>
              </a:gsLst>
              <a:lin ang="5400000" scaled="1"/>
            </a:gradFill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  <p:sp>
        <p:nvSpPr>
          <p:cNvPr id="46" name="フリーフォーム 45"/>
          <p:cNvSpPr>
            <a:spLocks/>
          </p:cNvSpPr>
          <p:nvPr/>
        </p:nvSpPr>
        <p:spPr bwMode="auto">
          <a:xfrm>
            <a:off x="5857884" y="5857892"/>
            <a:ext cx="245087" cy="231993"/>
          </a:xfrm>
          <a:custGeom>
            <a:avLst/>
            <a:gdLst>
              <a:gd name="T0" fmla="*/ 136525 w 151"/>
              <a:gd name="T1" fmla="*/ 0 h 144"/>
              <a:gd name="T2" fmla="*/ 79375 w 151"/>
              <a:gd name="T3" fmla="*/ 9525 h 144"/>
              <a:gd name="T4" fmla="*/ 44450 w 151"/>
              <a:gd name="T5" fmla="*/ 34925 h 144"/>
              <a:gd name="T6" fmla="*/ 0 w 151"/>
              <a:gd name="T7" fmla="*/ 104775 h 144"/>
              <a:gd name="T8" fmla="*/ 0 w 151"/>
              <a:gd name="T9" fmla="*/ 138113 h 144"/>
              <a:gd name="T10" fmla="*/ 57150 w 151"/>
              <a:gd name="T11" fmla="*/ 125413 h 144"/>
              <a:gd name="T12" fmla="*/ 44450 w 151"/>
              <a:gd name="T13" fmla="*/ 161925 h 144"/>
              <a:gd name="T14" fmla="*/ 20637 w 151"/>
              <a:gd name="T15" fmla="*/ 171450 h 144"/>
              <a:gd name="T16" fmla="*/ 57150 w 151"/>
              <a:gd name="T17" fmla="*/ 207963 h 144"/>
              <a:gd name="T18" fmla="*/ 103187 w 151"/>
              <a:gd name="T19" fmla="*/ 228600 h 144"/>
              <a:gd name="T20" fmla="*/ 149225 w 151"/>
              <a:gd name="T21" fmla="*/ 228600 h 144"/>
              <a:gd name="T22" fmla="*/ 182562 w 151"/>
              <a:gd name="T23" fmla="*/ 217488 h 144"/>
              <a:gd name="T24" fmla="*/ 239712 w 151"/>
              <a:gd name="T25" fmla="*/ 184150 h 144"/>
              <a:gd name="T26" fmla="*/ 239712 w 151"/>
              <a:gd name="T27" fmla="*/ 104775 h 144"/>
              <a:gd name="T28" fmla="*/ 219075 w 151"/>
              <a:gd name="T29" fmla="*/ 55563 h 144"/>
              <a:gd name="T30" fmla="*/ 182562 w 151"/>
              <a:gd name="T31" fmla="*/ 34925 h 144"/>
              <a:gd name="T32" fmla="*/ 149225 w 151"/>
              <a:gd name="T33" fmla="*/ 0 h 144"/>
              <a:gd name="T34" fmla="*/ 136525 w 151"/>
              <a:gd name="T35" fmla="*/ 0 h 144"/>
              <a:gd name="T36" fmla="*/ 136525 w 151"/>
              <a:gd name="T37" fmla="*/ 104775 h 144"/>
              <a:gd name="T38" fmla="*/ 123825 w 151"/>
              <a:gd name="T39" fmla="*/ 112713 h 144"/>
              <a:gd name="T40" fmla="*/ 79375 w 151"/>
              <a:gd name="T41" fmla="*/ 104775 h 144"/>
              <a:gd name="T42" fmla="*/ 57150 w 151"/>
              <a:gd name="T43" fmla="*/ 92075 h 144"/>
              <a:gd name="T44" fmla="*/ 66675 w 151"/>
              <a:gd name="T45" fmla="*/ 46038 h 144"/>
              <a:gd name="T46" fmla="*/ 115887 w 151"/>
              <a:gd name="T47" fmla="*/ 34925 h 144"/>
              <a:gd name="T48" fmla="*/ 136525 w 151"/>
              <a:gd name="T49" fmla="*/ 46038 h 144"/>
              <a:gd name="T50" fmla="*/ 136525 w 151"/>
              <a:gd name="T51" fmla="*/ 79375 h 144"/>
              <a:gd name="T52" fmla="*/ 136525 w 151"/>
              <a:gd name="T53" fmla="*/ 104775 h 144"/>
              <a:gd name="T54" fmla="*/ 136525 w 151"/>
              <a:gd name="T55" fmla="*/ 0 h 144"/>
              <a:gd name="T56" fmla="*/ 149225 w 151"/>
              <a:gd name="T57" fmla="*/ 195263 h 144"/>
              <a:gd name="T58" fmla="*/ 195262 w 151"/>
              <a:gd name="T59" fmla="*/ 195263 h 144"/>
              <a:gd name="T60" fmla="*/ 169862 w 151"/>
              <a:gd name="T61" fmla="*/ 207963 h 144"/>
              <a:gd name="T62" fmla="*/ 149225 w 151"/>
              <a:gd name="T63" fmla="*/ 195263 h 144"/>
              <a:gd name="T64" fmla="*/ 136525 w 151"/>
              <a:gd name="T65" fmla="*/ 0 h 144"/>
              <a:gd name="T66" fmla="*/ 0 1 256"/>
              <a:gd name="T67" fmla="*/ 0 1 256"/>
              <a:gd name="T68" fmla="*/ 0 1 256"/>
              <a:gd name="T69" fmla="*/ 0 1 256"/>
              <a:gd name="T70" fmla="*/ 0 1 256"/>
              <a:gd name="T71" fmla="*/ 0 1 256"/>
              <a:gd name="T72" fmla="*/ 0 1 256"/>
              <a:gd name="T73" fmla="*/ 0 1 256"/>
              <a:gd name="T74" fmla="*/ 0 1 256"/>
              <a:gd name="T75" fmla="*/ 0 1 256"/>
              <a:gd name="T76" fmla="*/ 0 1 256"/>
              <a:gd name="T77" fmla="*/ 0 1 256"/>
              <a:gd name="T78" fmla="*/ 0 1 256"/>
              <a:gd name="T79" fmla="*/ 0 1 256"/>
              <a:gd name="T80" fmla="*/ 0 1 256"/>
              <a:gd name="T81" fmla="*/ 0 1 256"/>
              <a:gd name="T82" fmla="*/ 0 1 256"/>
              <a:gd name="T83" fmla="*/ 0 1 256"/>
              <a:gd name="T84" fmla="*/ 0 1 256"/>
              <a:gd name="T85" fmla="*/ 0 1 256"/>
              <a:gd name="T86" fmla="*/ 0 1 256"/>
              <a:gd name="T87" fmla="*/ 0 1 256"/>
              <a:gd name="T88" fmla="*/ 0 1 256"/>
              <a:gd name="T89" fmla="*/ 0 1 256"/>
              <a:gd name="T90" fmla="*/ 0 1 256"/>
              <a:gd name="T91" fmla="*/ 0 1 256"/>
              <a:gd name="T92" fmla="*/ 0 1 256"/>
              <a:gd name="T93" fmla="*/ 0 1 256"/>
              <a:gd name="T94" fmla="*/ 0 1 256"/>
              <a:gd name="T95" fmla="*/ 0 1 256"/>
              <a:gd name="T96" fmla="*/ 0 1 256"/>
              <a:gd name="T97" fmla="*/ 0 1 256"/>
              <a:gd name="T98" fmla="*/ 0 1 256"/>
              <a:gd name="T99" fmla="*/ 0 w 151"/>
              <a:gd name="T100" fmla="*/ 0 h 144"/>
              <a:gd name="T101" fmla="*/ 0 w 151"/>
              <a:gd name="T102" fmla="*/ 0 h 144"/>
            </a:gdLst>
            <a:ahLst/>
            <a:cxnLst>
              <a:cxn ang="T66">
                <a:pos x="T0" y="T1"/>
              </a:cxn>
              <a:cxn ang="T67">
                <a:pos x="T2" y="T3"/>
              </a:cxn>
              <a:cxn ang="T68">
                <a:pos x="T4" y="T5"/>
              </a:cxn>
              <a:cxn ang="T69">
                <a:pos x="T6" y="T7"/>
              </a:cxn>
              <a:cxn ang="T70">
                <a:pos x="T8" y="T9"/>
              </a:cxn>
              <a:cxn ang="T71">
                <a:pos x="T10" y="T11"/>
              </a:cxn>
              <a:cxn ang="T72">
                <a:pos x="T12" y="T13"/>
              </a:cxn>
              <a:cxn ang="T73">
                <a:pos x="T14" y="T15"/>
              </a:cxn>
              <a:cxn ang="T74">
                <a:pos x="T16" y="T17"/>
              </a:cxn>
              <a:cxn ang="T75">
                <a:pos x="T18" y="T19"/>
              </a:cxn>
              <a:cxn ang="T76">
                <a:pos x="T20" y="T21"/>
              </a:cxn>
              <a:cxn ang="T77">
                <a:pos x="T22" y="T23"/>
              </a:cxn>
              <a:cxn ang="T78">
                <a:pos x="T24" y="T25"/>
              </a:cxn>
              <a:cxn ang="T79">
                <a:pos x="T26" y="T27"/>
              </a:cxn>
              <a:cxn ang="T80">
                <a:pos x="T28" y="T29"/>
              </a:cxn>
              <a:cxn ang="T81">
                <a:pos x="T30" y="T31"/>
              </a:cxn>
              <a:cxn ang="T82">
                <a:pos x="T32" y="T33"/>
              </a:cxn>
              <a:cxn ang="T83">
                <a:pos x="T34" y="T35"/>
              </a:cxn>
              <a:cxn ang="T84">
                <a:pos x="T36" y="T37"/>
              </a:cxn>
              <a:cxn ang="T85">
                <a:pos x="T38" y="T39"/>
              </a:cxn>
              <a:cxn ang="T86">
                <a:pos x="T40" y="T41"/>
              </a:cxn>
              <a:cxn ang="T87">
                <a:pos x="T42" y="T43"/>
              </a:cxn>
              <a:cxn ang="T88">
                <a:pos x="T44" y="T45"/>
              </a:cxn>
              <a:cxn ang="T89">
                <a:pos x="T46" y="T47"/>
              </a:cxn>
              <a:cxn ang="T90">
                <a:pos x="T48" y="T49"/>
              </a:cxn>
              <a:cxn ang="T91">
                <a:pos x="T50" y="T51"/>
              </a:cxn>
              <a:cxn ang="T92">
                <a:pos x="T52" y="T53"/>
              </a:cxn>
              <a:cxn ang="T93">
                <a:pos x="T54" y="T55"/>
              </a:cxn>
              <a:cxn ang="T94">
                <a:pos x="T56" y="T57"/>
              </a:cxn>
              <a:cxn ang="T95">
                <a:pos x="T58" y="T59"/>
              </a:cxn>
              <a:cxn ang="T96">
                <a:pos x="T60" y="T61"/>
              </a:cxn>
              <a:cxn ang="T97">
                <a:pos x="T62" y="T63"/>
              </a:cxn>
              <a:cxn ang="T98">
                <a:pos x="T64" y="T65"/>
              </a:cxn>
            </a:cxnLst>
            <a:rect l="T99" t="T100" r="T101" b="T102"/>
            <a:pathLst>
              <a:path w="151" h="144">
                <a:moveTo>
                  <a:pt x="86" y="0"/>
                </a:moveTo>
                <a:lnTo>
                  <a:pt x="50" y="6"/>
                </a:lnTo>
                <a:lnTo>
                  <a:pt x="28" y="22"/>
                </a:lnTo>
                <a:lnTo>
                  <a:pt x="0" y="66"/>
                </a:lnTo>
                <a:lnTo>
                  <a:pt x="0" y="87"/>
                </a:lnTo>
                <a:lnTo>
                  <a:pt x="36" y="79"/>
                </a:lnTo>
                <a:lnTo>
                  <a:pt x="28" y="102"/>
                </a:lnTo>
                <a:lnTo>
                  <a:pt x="13" y="108"/>
                </a:lnTo>
                <a:lnTo>
                  <a:pt x="36" y="131"/>
                </a:lnTo>
                <a:lnTo>
                  <a:pt x="65" y="144"/>
                </a:lnTo>
                <a:lnTo>
                  <a:pt x="94" y="144"/>
                </a:lnTo>
                <a:lnTo>
                  <a:pt x="115" y="137"/>
                </a:lnTo>
                <a:lnTo>
                  <a:pt x="151" y="116"/>
                </a:lnTo>
                <a:lnTo>
                  <a:pt x="151" y="66"/>
                </a:lnTo>
                <a:lnTo>
                  <a:pt x="138" y="35"/>
                </a:lnTo>
                <a:lnTo>
                  <a:pt x="115" y="22"/>
                </a:lnTo>
                <a:lnTo>
                  <a:pt x="94" y="0"/>
                </a:lnTo>
                <a:lnTo>
                  <a:pt x="86" y="0"/>
                </a:lnTo>
                <a:lnTo>
                  <a:pt x="86" y="66"/>
                </a:lnTo>
                <a:lnTo>
                  <a:pt x="78" y="71"/>
                </a:lnTo>
                <a:lnTo>
                  <a:pt x="50" y="66"/>
                </a:lnTo>
                <a:lnTo>
                  <a:pt x="36" y="58"/>
                </a:lnTo>
                <a:lnTo>
                  <a:pt x="42" y="29"/>
                </a:lnTo>
                <a:lnTo>
                  <a:pt x="73" y="22"/>
                </a:lnTo>
                <a:lnTo>
                  <a:pt x="86" y="29"/>
                </a:lnTo>
                <a:lnTo>
                  <a:pt x="86" y="50"/>
                </a:lnTo>
                <a:lnTo>
                  <a:pt x="86" y="66"/>
                </a:lnTo>
                <a:lnTo>
                  <a:pt x="86" y="0"/>
                </a:lnTo>
                <a:lnTo>
                  <a:pt x="94" y="123"/>
                </a:lnTo>
                <a:lnTo>
                  <a:pt x="123" y="123"/>
                </a:lnTo>
                <a:lnTo>
                  <a:pt x="107" y="131"/>
                </a:lnTo>
                <a:lnTo>
                  <a:pt x="94" y="123"/>
                </a:lnTo>
                <a:lnTo>
                  <a:pt x="86" y="0"/>
                </a:lnTo>
                <a:close/>
              </a:path>
            </a:pathLst>
          </a:custGeom>
          <a:gradFill rotWithShape="1">
            <a:gsLst>
              <a:gs pos="0">
                <a:schemeClr val="accent1">
                  <a:lumMod val="20000"/>
                  <a:lumOff val="80000"/>
                </a:schemeClr>
              </a:gs>
              <a:gs pos="100000">
                <a:schemeClr val="accent1"/>
              </a:gs>
            </a:gsLst>
            <a:lin ang="5400000" scaled="1"/>
          </a:gradFill>
          <a:ln w="9525" cap="flat" cmpd="sng" algn="ctr">
            <a:noFill/>
            <a:prstDash val="solid"/>
            <a:miter lim="800000"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ja-JP" altLang="en-US" kern="1200">
              <a:solidFill>
                <a:srgbClr val="FF0000">
                  <a:alpha val="100000"/>
                </a:srgbClr>
              </a:solidFill>
              <a:latin typeface="+mn-lt"/>
              <a:ea typeface="+mn-ea"/>
              <a:cs typeface="+mn-cs"/>
            </a:endParaRPr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28596" y="428604"/>
            <a:ext cx="8229600" cy="1143000"/>
          </a:xfrm>
        </p:spPr>
        <p:txBody>
          <a:bodyPr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half" idx="1"/>
          </p:nvPr>
        </p:nvSpPr>
        <p:spPr>
          <a:xfrm>
            <a:off x="428596" y="1600201"/>
            <a:ext cx="4038600" cy="46872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コンテンツ プレースホルダ 3"/>
          <p:cNvSpPr>
            <a:spLocks noGrp="1"/>
          </p:cNvSpPr>
          <p:nvPr>
            <p:ph sz="half" idx="2"/>
          </p:nvPr>
        </p:nvSpPr>
        <p:spPr>
          <a:xfrm>
            <a:off x="4648200" y="1600201"/>
            <a:ext cx="4038600" cy="46872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5" name="日付プレースホルダ 4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48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11"/>
          </p:nvPr>
        </p:nvSpPr>
        <p:spPr>
          <a:xfrm>
            <a:off x="2199600" y="0"/>
            <a:ext cx="4500000" cy="360000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928678"/>
            <a:ext cx="8229600" cy="571496"/>
          </a:xfrm>
        </p:spPr>
        <p:txBody>
          <a:bodyPr/>
          <a:lstStyle>
            <a:lvl1pPr>
              <a:defRPr/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eaLnBrk="1" latinLnBrk="0" hangingPunct="1"/>
            <a:r>
              <a:rPr kumimoji="0" lang="ja-JP" altLang="en-US" smtClean="0"/>
              <a:t>マスタ テキストの書式設定</a:t>
            </a:r>
          </a:p>
        </p:txBody>
      </p:sp>
      <p:sp>
        <p:nvSpPr>
          <p:cNvPr id="4" name="コンテンツ プレースホルダ 3"/>
          <p:cNvSpPr>
            <a:spLocks noGrp="1"/>
          </p:cNvSpPr>
          <p:nvPr>
            <p:ph sz="half" idx="2"/>
          </p:nvPr>
        </p:nvSpPr>
        <p:spPr>
          <a:xfrm>
            <a:off x="457200" y="2174876"/>
            <a:ext cx="4040188" cy="4183082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5" name="テキスト プレースホルダ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eaLnBrk="1" latinLnBrk="0" hangingPunct="1"/>
            <a:r>
              <a:rPr kumimoji="0" lang="ja-JP" altLang="en-US" smtClean="0"/>
              <a:t>マスタ テキストの書式設定</a:t>
            </a:r>
          </a:p>
        </p:txBody>
      </p:sp>
      <p:sp>
        <p:nvSpPr>
          <p:cNvPr id="6" name="コンテンツ プレースホルダ 5"/>
          <p:cNvSpPr>
            <a:spLocks noGrp="1"/>
          </p:cNvSpPr>
          <p:nvPr>
            <p:ph sz="quarter" idx="4"/>
          </p:nvPr>
        </p:nvSpPr>
        <p:spPr>
          <a:xfrm>
            <a:off x="4645027" y="2174876"/>
            <a:ext cx="4041775" cy="4183082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7" name="日付プレースホルダ 6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48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8" name="フッター プレースホルダ 7"/>
          <p:cNvSpPr>
            <a:spLocks noGrp="1"/>
          </p:cNvSpPr>
          <p:nvPr>
            <p:ph type="ftr" sz="quarter" idx="11"/>
          </p:nvPr>
        </p:nvSpPr>
        <p:spPr>
          <a:xfrm>
            <a:off x="2199600" y="0"/>
            <a:ext cx="4500000" cy="360000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 8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2571744"/>
            <a:ext cx="8229600" cy="1143000"/>
          </a:xfrm>
        </p:spPr>
        <p:txBody>
          <a:bodyPr/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日付プレースホルダ 2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36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4" name="フッター プレースホルダ 3"/>
          <p:cNvSpPr>
            <a:spLocks noGrp="1"/>
          </p:cNvSpPr>
          <p:nvPr>
            <p:ph type="ftr" sz="quarter" idx="11"/>
          </p:nvPr>
        </p:nvSpPr>
        <p:spPr>
          <a:xfrm>
            <a:off x="2199600" y="0"/>
            <a:ext cx="4500000" cy="360000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 4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 1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36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3" name="フッター プレースホルダ 2"/>
          <p:cNvSpPr>
            <a:spLocks noGrp="1"/>
          </p:cNvSpPr>
          <p:nvPr>
            <p:ph type="ftr" sz="quarter" idx="11"/>
          </p:nvPr>
        </p:nvSpPr>
        <p:spPr>
          <a:xfrm>
            <a:off x="2199600" y="0"/>
            <a:ext cx="4500000" cy="360000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61737" y="719158"/>
            <a:ext cx="3257544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>
          <a:xfrm>
            <a:off x="3814786" y="719158"/>
            <a:ext cx="4757742" cy="5710238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4" name="テキスト プレースホルダ 3"/>
          <p:cNvSpPr>
            <a:spLocks noGrp="1"/>
          </p:cNvSpPr>
          <p:nvPr>
            <p:ph type="body" sz="half" idx="2"/>
          </p:nvPr>
        </p:nvSpPr>
        <p:spPr>
          <a:xfrm>
            <a:off x="461737" y="1928804"/>
            <a:ext cx="3258000" cy="450059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5" name="日付プレースホルダ 4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36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sp>
        <p:nvSpPr>
          <p:cNvPr id="10" name="フッター プレースホルダ 9"/>
          <p:cNvSpPr>
            <a:spLocks noGrp="1"/>
          </p:cNvSpPr>
          <p:nvPr>
            <p:ph type="ftr" sz="quarter" idx="11"/>
          </p:nvPr>
        </p:nvSpPr>
        <p:spPr>
          <a:xfrm>
            <a:off x="2199599" y="0"/>
            <a:ext cx="4500000" cy="360000"/>
          </a:xfrm>
        </p:spPr>
        <p:txBody>
          <a:bodyPr/>
          <a:lstStyle/>
          <a:p>
            <a:endParaRPr kumimoji="1" lang="ja-JP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40472" y="4917323"/>
            <a:ext cx="7774866" cy="42862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3" name="図プレースホルダ 2"/>
          <p:cNvSpPr>
            <a:spLocks noGrp="1"/>
          </p:cNvSpPr>
          <p:nvPr>
            <p:ph type="pic" idx="1"/>
          </p:nvPr>
        </p:nvSpPr>
        <p:spPr>
          <a:xfrm>
            <a:off x="571472" y="623834"/>
            <a:ext cx="5486400" cy="4114800"/>
          </a:xfrm>
          <a:prstGeom prst="rect">
            <a:avLst/>
          </a:prstGeom>
          <a:noFill/>
          <a:ln w="241300" cmpd="thinThick">
            <a:solidFill>
              <a:schemeClr val="bg1"/>
            </a:solidFill>
            <a:prstDash val="solid"/>
            <a:miter lim="800000"/>
          </a:ln>
          <a:effectLst>
            <a:glow rad="101600">
              <a:schemeClr val="tx2">
                <a:alpha val="60000"/>
              </a:schemeClr>
            </a:glow>
          </a:effectLst>
          <a:scene3d>
            <a:camera prst="perspectiveFront"/>
            <a:lightRig rig="threePt" dir="t"/>
          </a:scene3d>
          <a:sp3d/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kumimoji="0" lang="ja-JP" altLang="en-US" smtClean="0"/>
              <a:t>アイコンをクリックして図を追加</a:t>
            </a:r>
            <a:endParaRPr kumimoji="0" lang="en-US"/>
          </a:p>
        </p:txBody>
      </p:sp>
      <p:sp>
        <p:nvSpPr>
          <p:cNvPr id="4" name="テキスト プレースホルダ 3"/>
          <p:cNvSpPr>
            <a:spLocks noGrp="1"/>
          </p:cNvSpPr>
          <p:nvPr>
            <p:ph type="body" sz="half" idx="2"/>
          </p:nvPr>
        </p:nvSpPr>
        <p:spPr>
          <a:xfrm>
            <a:off x="428596" y="5429264"/>
            <a:ext cx="7786742" cy="100013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eaLnBrk="1" latinLnBrk="0" hangingPunct="1"/>
            <a:r>
              <a:rPr lang="ja-JP" altLang="en-US" smtClean="0"/>
              <a:t>マスタ テキストの書式設定</a:t>
            </a:r>
          </a:p>
          <a:p>
            <a:pPr lvl="1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 eaLnBrk="1" latinLnBrk="0" hangingPunct="1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kumimoji="0" lang="en-US"/>
          </a:p>
        </p:txBody>
      </p:sp>
      <p:sp>
        <p:nvSpPr>
          <p:cNvPr id="5" name="日付プレースホルダ 4"/>
          <p:cNvSpPr>
            <a:spLocks noGrp="1"/>
          </p:cNvSpPr>
          <p:nvPr>
            <p:ph type="dt" sz="half" idx="10"/>
          </p:nvPr>
        </p:nvSpPr>
        <p:spPr>
          <a:xfrm>
            <a:off x="0" y="0"/>
            <a:ext cx="2134800" cy="360000"/>
          </a:xfrm>
        </p:spPr>
        <p:txBody>
          <a:bodyPr/>
          <a:lstStyle/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11"/>
          </p:nvPr>
        </p:nvSpPr>
        <p:spPr>
          <a:xfrm>
            <a:off x="2199600" y="0"/>
            <a:ext cx="4500000" cy="361347"/>
          </a:xfrm>
        </p:spPr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2"/>
          </p:nvPr>
        </p:nvSpPr>
        <p:spPr>
          <a:xfrm>
            <a:off x="7714800" y="0"/>
            <a:ext cx="1429200" cy="360000"/>
          </a:xfrm>
        </p:spPr>
        <p:txBody>
          <a:bodyPr/>
          <a:lstStyle>
            <a:lvl1pPr algn="ctr">
              <a:defRPr/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日付プレースホルダ 20"/>
          <p:cNvSpPr>
            <a:spLocks noGrp="1"/>
          </p:cNvSpPr>
          <p:nvPr>
            <p:ph type="dt" sz="half" idx="2"/>
          </p:nvPr>
        </p:nvSpPr>
        <p:spPr>
          <a:xfrm>
            <a:off x="0" y="0"/>
            <a:ext cx="2133600" cy="360000"/>
          </a:xfrm>
          <a:prstGeom prst="rect">
            <a:avLst/>
          </a:prstGeom>
        </p:spPr>
        <p:txBody>
          <a:bodyPr vert="horz" rtlCol="0" anchor="ctr"/>
          <a:lstStyle>
            <a:lvl1pPr algn="l" eaLnBrk="1" latinLnBrk="0" hangingPunct="1">
              <a:defRPr kumimoji="0" sz="1200">
                <a:solidFill>
                  <a:schemeClr val="tx2">
                    <a:shade val="50000"/>
                  </a:schemeClr>
                </a:solidFill>
              </a:defRPr>
            </a:lvl1pPr>
          </a:lstStyle>
          <a:p>
            <a:fld id="{DF6C99F7-6398-4E5D-9682-3F8401457A7E}" type="datetimeFigureOut">
              <a:rPr kumimoji="1" lang="ja-JP" altLang="en-US" smtClean="0"/>
              <a:pPr/>
              <a:t>2009/3/5</a:t>
            </a:fld>
            <a:endParaRPr kumimoji="1" lang="ja-JP" altLang="en-US"/>
          </a:p>
        </p:txBody>
      </p:sp>
      <p:sp>
        <p:nvSpPr>
          <p:cNvPr id="10" name="フッター プレースホルダ 9"/>
          <p:cNvSpPr>
            <a:spLocks noGrp="1"/>
          </p:cNvSpPr>
          <p:nvPr>
            <p:ph type="ftr" sz="quarter" idx="3"/>
          </p:nvPr>
        </p:nvSpPr>
        <p:spPr>
          <a:xfrm>
            <a:off x="2198578" y="1"/>
            <a:ext cx="4500594" cy="361347"/>
          </a:xfrm>
          <a:prstGeom prst="rect">
            <a:avLst/>
          </a:prstGeom>
        </p:spPr>
        <p:txBody>
          <a:bodyPr vert="horz" rtlCol="0" anchor="ctr"/>
          <a:lstStyle>
            <a:lvl1pPr algn="ctr" eaLnBrk="1" latinLnBrk="0" hangingPunct="1">
              <a:defRPr kumimoji="0" sz="1200">
                <a:solidFill>
                  <a:schemeClr val="tx2">
                    <a:shade val="50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31" name="スライド番号プレースホルダ 30"/>
          <p:cNvSpPr>
            <a:spLocks noGrp="1"/>
          </p:cNvSpPr>
          <p:nvPr>
            <p:ph type="sldNum" sz="quarter" idx="4"/>
          </p:nvPr>
        </p:nvSpPr>
        <p:spPr>
          <a:xfrm>
            <a:off x="7715272" y="0"/>
            <a:ext cx="1428728" cy="360000"/>
          </a:xfrm>
          <a:prstGeom prst="rect">
            <a:avLst/>
          </a:prstGeom>
        </p:spPr>
        <p:txBody>
          <a:bodyPr vert="horz" rtlCol="0" anchor="ctr"/>
          <a:lstStyle>
            <a:lvl1pPr algn="ctr" eaLnBrk="1" latinLnBrk="0" hangingPunct="1">
              <a:defRPr kumimoji="0" sz="1200">
                <a:solidFill>
                  <a:schemeClr val="tx2">
                    <a:shade val="50000"/>
                  </a:schemeClr>
                </a:solidFill>
              </a:defRPr>
            </a:lvl1pPr>
          </a:lstStyle>
          <a:p>
            <a:fld id="{F94D7F0E-B223-426A-8274-A82B27686475}" type="slidenum">
              <a:rPr kumimoji="1" lang="ja-JP" altLang="en-US" smtClean="0"/>
              <a:pPr/>
              <a:t>&lt;#&gt;</a:t>
            </a:fld>
            <a:endParaRPr kumimoji="1" lang="ja-JP" altLang="en-US"/>
          </a:p>
        </p:txBody>
      </p:sp>
      <p:grpSp>
        <p:nvGrpSpPr>
          <p:cNvPr id="2" name="グループ化 1"/>
          <p:cNvGrpSpPr>
            <a:grpSpLocks/>
          </p:cNvGrpSpPr>
          <p:nvPr/>
        </p:nvGrpSpPr>
        <p:grpSpPr bwMode="auto">
          <a:xfrm>
            <a:off x="-27819" y="-13"/>
            <a:ext cx="9171027" cy="6856554"/>
            <a:chOff x="2074" y="1608"/>
            <a:chExt cx="1603" cy="1129"/>
          </a:xfrm>
        </p:grpSpPr>
        <p:sp>
          <p:nvSpPr>
            <p:cNvPr id="18" name="フリーフォーム 17"/>
            <p:cNvSpPr>
              <a:spLocks/>
            </p:cNvSpPr>
            <p:nvPr userDrawn="1"/>
          </p:nvSpPr>
          <p:spPr bwMode="auto">
            <a:xfrm>
              <a:off x="2074" y="2433"/>
              <a:ext cx="991" cy="300"/>
            </a:xfrm>
            <a:custGeom>
              <a:avLst/>
              <a:gdLst>
                <a:gd name="T0" fmla="*/ 0 w 991"/>
                <a:gd name="T1" fmla="*/ 0 h 300"/>
                <a:gd name="T2" fmla="*/ 15 w 991"/>
                <a:gd name="T3" fmla="*/ 14 h 300"/>
                <a:gd name="T4" fmla="*/ 32 w 991"/>
                <a:gd name="T5" fmla="*/ 33 h 300"/>
                <a:gd name="T6" fmla="*/ 57 w 991"/>
                <a:gd name="T7" fmla="*/ 54 h 300"/>
                <a:gd name="T8" fmla="*/ 92 w 991"/>
                <a:gd name="T9" fmla="*/ 79 h 300"/>
                <a:gd name="T10" fmla="*/ 132 w 991"/>
                <a:gd name="T11" fmla="*/ 106 h 300"/>
                <a:gd name="T12" fmla="*/ 182 w 991"/>
                <a:gd name="T13" fmla="*/ 133 h 300"/>
                <a:gd name="T14" fmla="*/ 236 w 991"/>
                <a:gd name="T15" fmla="*/ 163 h 300"/>
                <a:gd name="T16" fmla="*/ 301 w 991"/>
                <a:gd name="T17" fmla="*/ 192 h 300"/>
                <a:gd name="T18" fmla="*/ 374 w 991"/>
                <a:gd name="T19" fmla="*/ 219 h 300"/>
                <a:gd name="T20" fmla="*/ 457 w 991"/>
                <a:gd name="T21" fmla="*/ 244 h 300"/>
                <a:gd name="T22" fmla="*/ 501 w 991"/>
                <a:gd name="T23" fmla="*/ 255 h 300"/>
                <a:gd name="T24" fmla="*/ 545 w 991"/>
                <a:gd name="T25" fmla="*/ 267 h 300"/>
                <a:gd name="T26" fmla="*/ 595 w 991"/>
                <a:gd name="T27" fmla="*/ 275 h 300"/>
                <a:gd name="T28" fmla="*/ 647 w 991"/>
                <a:gd name="T29" fmla="*/ 282 h 300"/>
                <a:gd name="T30" fmla="*/ 699 w 991"/>
                <a:gd name="T31" fmla="*/ 290 h 300"/>
                <a:gd name="T32" fmla="*/ 752 w 991"/>
                <a:gd name="T33" fmla="*/ 294 h 300"/>
                <a:gd name="T34" fmla="*/ 810 w 991"/>
                <a:gd name="T35" fmla="*/ 298 h 300"/>
                <a:gd name="T36" fmla="*/ 868 w 991"/>
                <a:gd name="T37" fmla="*/ 300 h 300"/>
                <a:gd name="T38" fmla="*/ 927 w 991"/>
                <a:gd name="T39" fmla="*/ 298 h 300"/>
                <a:gd name="T40" fmla="*/ 991 w 991"/>
                <a:gd name="T41" fmla="*/ 296 h 300"/>
                <a:gd name="T42" fmla="*/ 0 1 256"/>
                <a:gd name="T43" fmla="*/ 0 1 256"/>
                <a:gd name="T44" fmla="*/ 0 1 256"/>
                <a:gd name="T45" fmla="*/ 0 1 256"/>
                <a:gd name="T46" fmla="*/ 0 1 256"/>
                <a:gd name="T47" fmla="*/ 0 1 256"/>
                <a:gd name="T48" fmla="*/ 0 1 256"/>
                <a:gd name="T49" fmla="*/ 0 1 256"/>
                <a:gd name="T50" fmla="*/ 0 1 256"/>
                <a:gd name="T51" fmla="*/ 0 1 256"/>
                <a:gd name="T52" fmla="*/ 0 1 256"/>
                <a:gd name="T53" fmla="*/ 0 1 256"/>
                <a:gd name="T54" fmla="*/ 0 1 256"/>
                <a:gd name="T55" fmla="*/ 0 1 256"/>
                <a:gd name="T56" fmla="*/ 0 1 256"/>
                <a:gd name="T57" fmla="*/ 0 1 256"/>
                <a:gd name="T58" fmla="*/ 0 1 256"/>
                <a:gd name="T59" fmla="*/ 0 1 256"/>
                <a:gd name="T60" fmla="*/ 0 1 256"/>
                <a:gd name="T61" fmla="*/ 0 1 256"/>
                <a:gd name="T62" fmla="*/ 0 1 256"/>
                <a:gd name="T63" fmla="*/ 0 w 991"/>
                <a:gd name="T64" fmla="*/ 0 h 300"/>
                <a:gd name="T65" fmla="*/ 0 w 991"/>
                <a:gd name="T66" fmla="*/ 0 h 300"/>
              </a:gdLst>
              <a:ahLst/>
              <a:cxnLst>
                <a:cxn ang="T42">
                  <a:pos x="T0" y="T1"/>
                </a:cxn>
                <a:cxn ang="T43">
                  <a:pos x="T2" y="T3"/>
                </a:cxn>
                <a:cxn ang="T44">
                  <a:pos x="T4" y="T5"/>
                </a:cxn>
                <a:cxn ang="T45">
                  <a:pos x="T6" y="T7"/>
                </a:cxn>
                <a:cxn ang="T46">
                  <a:pos x="T8" y="T9"/>
                </a:cxn>
                <a:cxn ang="T47">
                  <a:pos x="T10" y="T11"/>
                </a:cxn>
                <a:cxn ang="T48">
                  <a:pos x="T12" y="T13"/>
                </a:cxn>
                <a:cxn ang="T49">
                  <a:pos x="T14" y="T15"/>
                </a:cxn>
                <a:cxn ang="T50">
                  <a:pos x="T16" y="T17"/>
                </a:cxn>
                <a:cxn ang="T51">
                  <a:pos x="T18" y="T19"/>
                </a:cxn>
                <a:cxn ang="T52">
                  <a:pos x="T20" y="T21"/>
                </a:cxn>
                <a:cxn ang="T53">
                  <a:pos x="T22" y="T23"/>
                </a:cxn>
                <a:cxn ang="T54">
                  <a:pos x="T24" y="T25"/>
                </a:cxn>
                <a:cxn ang="T55">
                  <a:pos x="T26" y="T27"/>
                </a:cxn>
                <a:cxn ang="T56">
                  <a:pos x="T28" y="T29"/>
                </a:cxn>
                <a:cxn ang="T57">
                  <a:pos x="T30" y="T31"/>
                </a:cxn>
                <a:cxn ang="T58">
                  <a:pos x="T32" y="T33"/>
                </a:cxn>
                <a:cxn ang="T59">
                  <a:pos x="T34" y="T35"/>
                </a:cxn>
                <a:cxn ang="T60">
                  <a:pos x="T36" y="T37"/>
                </a:cxn>
                <a:cxn ang="T61">
                  <a:pos x="T38" y="T39"/>
                </a:cxn>
                <a:cxn ang="T62">
                  <a:pos x="T40" y="T41"/>
                </a:cxn>
              </a:cxnLst>
              <a:rect l="T63" t="T64" r="T65" b="T66"/>
              <a:pathLst>
                <a:path w="991" h="300">
                  <a:moveTo>
                    <a:pt x="0" y="0"/>
                  </a:moveTo>
                  <a:lnTo>
                    <a:pt x="15" y="14"/>
                  </a:lnTo>
                  <a:lnTo>
                    <a:pt x="32" y="33"/>
                  </a:lnTo>
                  <a:lnTo>
                    <a:pt x="57" y="54"/>
                  </a:lnTo>
                  <a:lnTo>
                    <a:pt x="92" y="79"/>
                  </a:lnTo>
                  <a:lnTo>
                    <a:pt x="132" y="106"/>
                  </a:lnTo>
                  <a:lnTo>
                    <a:pt x="182" y="133"/>
                  </a:lnTo>
                  <a:lnTo>
                    <a:pt x="236" y="163"/>
                  </a:lnTo>
                  <a:lnTo>
                    <a:pt x="301" y="192"/>
                  </a:lnTo>
                  <a:lnTo>
                    <a:pt x="374" y="219"/>
                  </a:lnTo>
                  <a:lnTo>
                    <a:pt x="457" y="244"/>
                  </a:lnTo>
                  <a:lnTo>
                    <a:pt x="501" y="255"/>
                  </a:lnTo>
                  <a:lnTo>
                    <a:pt x="545" y="267"/>
                  </a:lnTo>
                  <a:lnTo>
                    <a:pt x="595" y="275"/>
                  </a:lnTo>
                  <a:lnTo>
                    <a:pt x="647" y="282"/>
                  </a:lnTo>
                  <a:lnTo>
                    <a:pt x="699" y="290"/>
                  </a:lnTo>
                  <a:lnTo>
                    <a:pt x="752" y="294"/>
                  </a:lnTo>
                  <a:lnTo>
                    <a:pt x="810" y="298"/>
                  </a:lnTo>
                  <a:lnTo>
                    <a:pt x="868" y="300"/>
                  </a:lnTo>
                  <a:lnTo>
                    <a:pt x="927" y="298"/>
                  </a:lnTo>
                  <a:lnTo>
                    <a:pt x="991" y="296"/>
                  </a:lnTo>
                </a:path>
              </a:pathLst>
            </a:custGeom>
            <a:noFill/>
            <a:ln w="12700" cap="flat" cmpd="sng" algn="ctr">
              <a:solidFill>
                <a:schemeClr val="accent1">
                  <a:alpha val="29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19" name="フリーフォーム 18"/>
            <p:cNvSpPr>
              <a:spLocks/>
            </p:cNvSpPr>
            <p:nvPr userDrawn="1"/>
          </p:nvSpPr>
          <p:spPr bwMode="auto">
            <a:xfrm>
              <a:off x="2915" y="1608"/>
              <a:ext cx="683" cy="1129"/>
            </a:xfrm>
            <a:custGeom>
              <a:avLst/>
              <a:gdLst>
                <a:gd name="T0" fmla="*/ 0 w 539"/>
                <a:gd name="T1" fmla="*/ 1129 h 1129"/>
                <a:gd name="T2" fmla="*/ 42 w 539"/>
                <a:gd name="T3" fmla="*/ 1125 h 1129"/>
                <a:gd name="T4" fmla="*/ 132 w 539"/>
                <a:gd name="T5" fmla="*/ 1115 h 1129"/>
                <a:gd name="T6" fmla="*/ 188 w 539"/>
                <a:gd name="T7" fmla="*/ 1106 h 1129"/>
                <a:gd name="T8" fmla="*/ 241 w 539"/>
                <a:gd name="T9" fmla="*/ 1094 h 1129"/>
                <a:gd name="T10" fmla="*/ 289 w 539"/>
                <a:gd name="T11" fmla="*/ 1079 h 1129"/>
                <a:gd name="T12" fmla="*/ 311 w 539"/>
                <a:gd name="T13" fmla="*/ 1071 h 1129"/>
                <a:gd name="T14" fmla="*/ 328 w 539"/>
                <a:gd name="T15" fmla="*/ 1062 h 1129"/>
                <a:gd name="T16" fmla="*/ 339 w 539"/>
                <a:gd name="T17" fmla="*/ 1056 h 1129"/>
                <a:gd name="T18" fmla="*/ 351 w 539"/>
                <a:gd name="T19" fmla="*/ 1048 h 1129"/>
                <a:gd name="T20" fmla="*/ 366 w 539"/>
                <a:gd name="T21" fmla="*/ 1037 h 1129"/>
                <a:gd name="T22" fmla="*/ 385 w 539"/>
                <a:gd name="T23" fmla="*/ 1019 h 1129"/>
                <a:gd name="T24" fmla="*/ 405 w 539"/>
                <a:gd name="T25" fmla="*/ 998 h 1129"/>
                <a:gd name="T26" fmla="*/ 426 w 539"/>
                <a:gd name="T27" fmla="*/ 969 h 1129"/>
                <a:gd name="T28" fmla="*/ 449 w 539"/>
                <a:gd name="T29" fmla="*/ 939 h 1129"/>
                <a:gd name="T30" fmla="*/ 470 w 539"/>
                <a:gd name="T31" fmla="*/ 898 h 1129"/>
                <a:gd name="T32" fmla="*/ 489 w 539"/>
                <a:gd name="T33" fmla="*/ 848 h 1129"/>
                <a:gd name="T34" fmla="*/ 506 w 539"/>
                <a:gd name="T35" fmla="*/ 793 h 1129"/>
                <a:gd name="T36" fmla="*/ 520 w 539"/>
                <a:gd name="T37" fmla="*/ 727 h 1129"/>
                <a:gd name="T38" fmla="*/ 531 w 539"/>
                <a:gd name="T39" fmla="*/ 655 h 1129"/>
                <a:gd name="T40" fmla="*/ 537 w 539"/>
                <a:gd name="T41" fmla="*/ 572 h 1129"/>
                <a:gd name="T42" fmla="*/ 539 w 539"/>
                <a:gd name="T43" fmla="*/ 530 h 1129"/>
                <a:gd name="T44" fmla="*/ 537 w 539"/>
                <a:gd name="T45" fmla="*/ 482 h 1129"/>
                <a:gd name="T46" fmla="*/ 535 w 539"/>
                <a:gd name="T47" fmla="*/ 432 h 1129"/>
                <a:gd name="T48" fmla="*/ 533 w 539"/>
                <a:gd name="T49" fmla="*/ 378 h 1129"/>
                <a:gd name="T50" fmla="*/ 531 w 539"/>
                <a:gd name="T51" fmla="*/ 357 h 1129"/>
                <a:gd name="T52" fmla="*/ 524 w 539"/>
                <a:gd name="T53" fmla="*/ 286 h 1129"/>
                <a:gd name="T54" fmla="*/ 516 w 539"/>
                <a:gd name="T55" fmla="*/ 232 h 1129"/>
                <a:gd name="T56" fmla="*/ 503 w 539"/>
                <a:gd name="T57" fmla="*/ 169 h 1129"/>
                <a:gd name="T58" fmla="*/ 487 w 539"/>
                <a:gd name="T59" fmla="*/ 90 h 1129"/>
                <a:gd name="T60" fmla="*/ 466 w 539"/>
                <a:gd name="T61" fmla="*/ 0 h 1129"/>
                <a:gd name="T62" fmla="*/ 0 1 256"/>
                <a:gd name="T63" fmla="*/ 0 1 256"/>
                <a:gd name="T64" fmla="*/ 0 1 256"/>
                <a:gd name="T65" fmla="*/ 0 1 256"/>
                <a:gd name="T66" fmla="*/ 0 1 256"/>
                <a:gd name="T67" fmla="*/ 0 1 256"/>
                <a:gd name="T68" fmla="*/ 0 1 256"/>
                <a:gd name="T69" fmla="*/ 0 1 256"/>
                <a:gd name="T70" fmla="*/ 0 1 256"/>
                <a:gd name="T71" fmla="*/ 0 1 256"/>
                <a:gd name="T72" fmla="*/ 0 1 256"/>
                <a:gd name="T73" fmla="*/ 0 1 256"/>
                <a:gd name="T74" fmla="*/ 0 1 256"/>
                <a:gd name="T75" fmla="*/ 0 1 256"/>
                <a:gd name="T76" fmla="*/ 0 1 256"/>
                <a:gd name="T77" fmla="*/ 0 1 256"/>
                <a:gd name="T78" fmla="*/ 0 1 256"/>
                <a:gd name="T79" fmla="*/ 0 1 256"/>
                <a:gd name="T80" fmla="*/ 0 1 256"/>
                <a:gd name="T81" fmla="*/ 0 1 256"/>
                <a:gd name="T82" fmla="*/ 0 1 256"/>
                <a:gd name="T83" fmla="*/ 0 1 256"/>
                <a:gd name="T84" fmla="*/ 0 1 256"/>
                <a:gd name="T85" fmla="*/ 0 1 256"/>
                <a:gd name="T86" fmla="*/ 0 1 256"/>
                <a:gd name="T87" fmla="*/ 0 1 256"/>
                <a:gd name="T88" fmla="*/ 0 1 256"/>
                <a:gd name="T89" fmla="*/ 0 1 256"/>
                <a:gd name="T90" fmla="*/ 0 1 256"/>
                <a:gd name="T91" fmla="*/ 0 1 256"/>
                <a:gd name="T92" fmla="*/ 0 1 256"/>
                <a:gd name="T93" fmla="*/ 0 w 539"/>
                <a:gd name="T94" fmla="*/ 0 h 1129"/>
                <a:gd name="T95" fmla="*/ 0 w 539"/>
                <a:gd name="T96" fmla="*/ 0 h 1129"/>
              </a:gdLst>
              <a:ahLst/>
              <a:cxnLst>
                <a:cxn ang="T62">
                  <a:pos x="T0" y="T1"/>
                </a:cxn>
                <a:cxn ang="T63">
                  <a:pos x="T2" y="T3"/>
                </a:cxn>
                <a:cxn ang="T64">
                  <a:pos x="T4" y="T5"/>
                </a:cxn>
                <a:cxn ang="T65">
                  <a:pos x="T6" y="T7"/>
                </a:cxn>
                <a:cxn ang="T66">
                  <a:pos x="T8" y="T9"/>
                </a:cxn>
                <a:cxn ang="T67">
                  <a:pos x="T10" y="T11"/>
                </a:cxn>
                <a:cxn ang="T68">
                  <a:pos x="T12" y="T13"/>
                </a:cxn>
                <a:cxn ang="T69">
                  <a:pos x="T14" y="T15"/>
                </a:cxn>
                <a:cxn ang="T70">
                  <a:pos x="T16" y="T17"/>
                </a:cxn>
                <a:cxn ang="T71">
                  <a:pos x="T18" y="T19"/>
                </a:cxn>
                <a:cxn ang="T72">
                  <a:pos x="T20" y="T21"/>
                </a:cxn>
                <a:cxn ang="T73">
                  <a:pos x="T22" y="T23"/>
                </a:cxn>
                <a:cxn ang="T74">
                  <a:pos x="T24" y="T25"/>
                </a:cxn>
                <a:cxn ang="T75">
                  <a:pos x="T26" y="T27"/>
                </a:cxn>
                <a:cxn ang="T76">
                  <a:pos x="T28" y="T29"/>
                </a:cxn>
                <a:cxn ang="T77">
                  <a:pos x="T30" y="T31"/>
                </a:cxn>
                <a:cxn ang="T78">
                  <a:pos x="T32" y="T33"/>
                </a:cxn>
                <a:cxn ang="T79">
                  <a:pos x="T34" y="T35"/>
                </a:cxn>
                <a:cxn ang="T80">
                  <a:pos x="T36" y="T37"/>
                </a:cxn>
                <a:cxn ang="T81">
                  <a:pos x="T38" y="T39"/>
                </a:cxn>
                <a:cxn ang="T82">
                  <a:pos x="T40" y="T41"/>
                </a:cxn>
                <a:cxn ang="T83">
                  <a:pos x="T42" y="T43"/>
                </a:cxn>
                <a:cxn ang="T84">
                  <a:pos x="T44" y="T45"/>
                </a:cxn>
                <a:cxn ang="T85">
                  <a:pos x="T46" y="T47"/>
                </a:cxn>
                <a:cxn ang="T86">
                  <a:pos x="T48" y="T49"/>
                </a:cxn>
                <a:cxn ang="T87">
                  <a:pos x="T50" y="T51"/>
                </a:cxn>
                <a:cxn ang="T88">
                  <a:pos x="T52" y="T53"/>
                </a:cxn>
                <a:cxn ang="T89">
                  <a:pos x="T54" y="T55"/>
                </a:cxn>
                <a:cxn ang="T90">
                  <a:pos x="T56" y="T57"/>
                </a:cxn>
                <a:cxn ang="T91">
                  <a:pos x="T58" y="T59"/>
                </a:cxn>
                <a:cxn ang="T92">
                  <a:pos x="T60" y="T61"/>
                </a:cxn>
              </a:cxnLst>
              <a:rect l="T93" t="T94" r="T95" b="T96"/>
              <a:pathLst>
                <a:path w="539" h="1129">
                  <a:moveTo>
                    <a:pt x="0" y="1129"/>
                  </a:moveTo>
                  <a:lnTo>
                    <a:pt x="42" y="1125"/>
                  </a:lnTo>
                  <a:lnTo>
                    <a:pt x="132" y="1115"/>
                  </a:lnTo>
                  <a:lnTo>
                    <a:pt x="188" y="1106"/>
                  </a:lnTo>
                  <a:lnTo>
                    <a:pt x="241" y="1094"/>
                  </a:lnTo>
                  <a:lnTo>
                    <a:pt x="289" y="1079"/>
                  </a:lnTo>
                  <a:lnTo>
                    <a:pt x="311" y="1071"/>
                  </a:lnTo>
                  <a:lnTo>
                    <a:pt x="328" y="1062"/>
                  </a:lnTo>
                  <a:lnTo>
                    <a:pt x="339" y="1056"/>
                  </a:lnTo>
                  <a:lnTo>
                    <a:pt x="351" y="1048"/>
                  </a:lnTo>
                  <a:lnTo>
                    <a:pt x="366" y="1037"/>
                  </a:lnTo>
                  <a:lnTo>
                    <a:pt x="385" y="1019"/>
                  </a:lnTo>
                  <a:lnTo>
                    <a:pt x="405" y="998"/>
                  </a:lnTo>
                  <a:lnTo>
                    <a:pt x="426" y="969"/>
                  </a:lnTo>
                  <a:lnTo>
                    <a:pt x="449" y="939"/>
                  </a:lnTo>
                  <a:lnTo>
                    <a:pt x="470" y="898"/>
                  </a:lnTo>
                  <a:lnTo>
                    <a:pt x="489" y="848"/>
                  </a:lnTo>
                  <a:lnTo>
                    <a:pt x="506" y="793"/>
                  </a:lnTo>
                  <a:lnTo>
                    <a:pt x="520" y="727"/>
                  </a:lnTo>
                  <a:lnTo>
                    <a:pt x="531" y="655"/>
                  </a:lnTo>
                  <a:lnTo>
                    <a:pt x="537" y="572"/>
                  </a:lnTo>
                  <a:lnTo>
                    <a:pt x="539" y="530"/>
                  </a:lnTo>
                  <a:lnTo>
                    <a:pt x="537" y="482"/>
                  </a:lnTo>
                  <a:lnTo>
                    <a:pt x="535" y="432"/>
                  </a:lnTo>
                  <a:lnTo>
                    <a:pt x="533" y="378"/>
                  </a:lnTo>
                  <a:lnTo>
                    <a:pt x="531" y="357"/>
                  </a:lnTo>
                  <a:lnTo>
                    <a:pt x="524" y="286"/>
                  </a:lnTo>
                  <a:lnTo>
                    <a:pt x="516" y="232"/>
                  </a:lnTo>
                  <a:lnTo>
                    <a:pt x="503" y="169"/>
                  </a:lnTo>
                  <a:lnTo>
                    <a:pt x="487" y="90"/>
                  </a:lnTo>
                  <a:lnTo>
                    <a:pt x="466" y="0"/>
                  </a:lnTo>
                </a:path>
              </a:pathLst>
            </a:custGeom>
            <a:noFill/>
            <a:ln w="12700" cap="flat" cmpd="sng" algn="ctr">
              <a:solidFill>
                <a:schemeClr val="accent1">
                  <a:alpha val="29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20" name="フリーフォーム 19"/>
            <p:cNvSpPr>
              <a:spLocks/>
            </p:cNvSpPr>
            <p:nvPr userDrawn="1"/>
          </p:nvSpPr>
          <p:spPr bwMode="auto">
            <a:xfrm>
              <a:off x="2079" y="1608"/>
              <a:ext cx="1596" cy="1066"/>
            </a:xfrm>
            <a:custGeom>
              <a:avLst/>
              <a:gdLst>
                <a:gd name="T0" fmla="*/ 0 w 1607"/>
                <a:gd name="T1" fmla="*/ 929 h 1085"/>
                <a:gd name="T2" fmla="*/ 40 w 1607"/>
                <a:gd name="T3" fmla="*/ 941 h 1085"/>
                <a:gd name="T4" fmla="*/ 148 w 1607"/>
                <a:gd name="T5" fmla="*/ 966 h 1085"/>
                <a:gd name="T6" fmla="*/ 305 w 1607"/>
                <a:gd name="T7" fmla="*/ 1000 h 1085"/>
                <a:gd name="T8" fmla="*/ 399 w 1607"/>
                <a:gd name="T9" fmla="*/ 1019 h 1085"/>
                <a:gd name="T10" fmla="*/ 501 w 1607"/>
                <a:gd name="T11" fmla="*/ 1037 h 1085"/>
                <a:gd name="T12" fmla="*/ 608 w 1607"/>
                <a:gd name="T13" fmla="*/ 1052 h 1085"/>
                <a:gd name="T14" fmla="*/ 718 w 1607"/>
                <a:gd name="T15" fmla="*/ 1067 h 1085"/>
                <a:gd name="T16" fmla="*/ 827 w 1607"/>
                <a:gd name="T17" fmla="*/ 1077 h 1085"/>
                <a:gd name="T18" fmla="*/ 937 w 1607"/>
                <a:gd name="T19" fmla="*/ 1083 h 1085"/>
                <a:gd name="T20" fmla="*/ 991 w 1607"/>
                <a:gd name="T21" fmla="*/ 1085 h 1085"/>
                <a:gd name="T22" fmla="*/ 1044 w 1607"/>
                <a:gd name="T23" fmla="*/ 1085 h 1085"/>
                <a:gd name="T24" fmla="*/ 1096 w 1607"/>
                <a:gd name="T25" fmla="*/ 1083 h 1085"/>
                <a:gd name="T26" fmla="*/ 1146 w 1607"/>
                <a:gd name="T27" fmla="*/ 1079 h 1085"/>
                <a:gd name="T28" fmla="*/ 1194 w 1607"/>
                <a:gd name="T29" fmla="*/ 1073 h 1085"/>
                <a:gd name="T30" fmla="*/ 1240 w 1607"/>
                <a:gd name="T31" fmla="*/ 1065 h 1085"/>
                <a:gd name="T32" fmla="*/ 1284 w 1607"/>
                <a:gd name="T33" fmla="*/ 1058 h 1085"/>
                <a:gd name="T34" fmla="*/ 1327 w 1607"/>
                <a:gd name="T35" fmla="*/ 1046 h 1085"/>
                <a:gd name="T36" fmla="*/ 1338 w 1607"/>
                <a:gd name="T37" fmla="*/ 1042 h 1085"/>
                <a:gd name="T38" fmla="*/ 1371 w 1607"/>
                <a:gd name="T39" fmla="*/ 1031 h 1085"/>
                <a:gd name="T40" fmla="*/ 1392 w 1607"/>
                <a:gd name="T41" fmla="*/ 1019 h 1085"/>
                <a:gd name="T42" fmla="*/ 1415 w 1607"/>
                <a:gd name="T43" fmla="*/ 1008 h 1085"/>
                <a:gd name="T44" fmla="*/ 1444 w 1607"/>
                <a:gd name="T45" fmla="*/ 990 h 1085"/>
                <a:gd name="T46" fmla="*/ 1469 w 1607"/>
                <a:gd name="T47" fmla="*/ 971 h 1085"/>
                <a:gd name="T48" fmla="*/ 1496 w 1607"/>
                <a:gd name="T49" fmla="*/ 950 h 1085"/>
                <a:gd name="T50" fmla="*/ 1520 w 1607"/>
                <a:gd name="T51" fmla="*/ 923 h 1085"/>
                <a:gd name="T52" fmla="*/ 1544 w 1607"/>
                <a:gd name="T53" fmla="*/ 893 h 1085"/>
                <a:gd name="T54" fmla="*/ 1565 w 1607"/>
                <a:gd name="T55" fmla="*/ 854 h 1085"/>
                <a:gd name="T56" fmla="*/ 1582 w 1607"/>
                <a:gd name="T57" fmla="*/ 814 h 1085"/>
                <a:gd name="T58" fmla="*/ 1590 w 1607"/>
                <a:gd name="T59" fmla="*/ 791 h 1085"/>
                <a:gd name="T60" fmla="*/ 1595 w 1607"/>
                <a:gd name="T61" fmla="*/ 768 h 1085"/>
                <a:gd name="T62" fmla="*/ 1601 w 1607"/>
                <a:gd name="T63" fmla="*/ 743 h 1085"/>
                <a:gd name="T64" fmla="*/ 1605 w 1607"/>
                <a:gd name="T65" fmla="*/ 716 h 1085"/>
                <a:gd name="T66" fmla="*/ 1607 w 1607"/>
                <a:gd name="T67" fmla="*/ 689 h 1085"/>
                <a:gd name="T68" fmla="*/ 1607 w 1607"/>
                <a:gd name="T69" fmla="*/ 660 h 1085"/>
                <a:gd name="T70" fmla="*/ 1607 w 1607"/>
                <a:gd name="T71" fmla="*/ 643 h 1085"/>
                <a:gd name="T72" fmla="*/ 1607 w 1607"/>
                <a:gd name="T73" fmla="*/ 599 h 1085"/>
                <a:gd name="T74" fmla="*/ 1599 w 1607"/>
                <a:gd name="T75" fmla="*/ 530 h 1085"/>
                <a:gd name="T76" fmla="*/ 1593 w 1607"/>
                <a:gd name="T77" fmla="*/ 487 h 1085"/>
                <a:gd name="T78" fmla="*/ 1586 w 1607"/>
                <a:gd name="T79" fmla="*/ 441 h 1085"/>
                <a:gd name="T80" fmla="*/ 1574 w 1607"/>
                <a:gd name="T81" fmla="*/ 391 h 1085"/>
                <a:gd name="T82" fmla="*/ 1559 w 1607"/>
                <a:gd name="T83" fmla="*/ 340 h 1085"/>
                <a:gd name="T84" fmla="*/ 1542 w 1607"/>
                <a:gd name="T85" fmla="*/ 282 h 1085"/>
                <a:gd name="T86" fmla="*/ 1519 w 1607"/>
                <a:gd name="T87" fmla="*/ 226 h 1085"/>
                <a:gd name="T88" fmla="*/ 1492 w 1607"/>
                <a:gd name="T89" fmla="*/ 171 h 1085"/>
                <a:gd name="T90" fmla="*/ 1461 w 1607"/>
                <a:gd name="T91" fmla="*/ 113 h 1085"/>
                <a:gd name="T92" fmla="*/ 1424 w 1607"/>
                <a:gd name="T93" fmla="*/ 56 h 1085"/>
                <a:gd name="T94" fmla="*/ 1378 w 1607"/>
                <a:gd name="T95" fmla="*/ 0 h 1085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1 256"/>
                <a:gd name="T142" fmla="*/ 0 1 256"/>
                <a:gd name="T143" fmla="*/ 0 1 256"/>
                <a:gd name="T144" fmla="*/ 0 w 1607"/>
                <a:gd name="T145" fmla="*/ 0 h 1085"/>
                <a:gd name="T146" fmla="*/ 0 w 1607"/>
                <a:gd name="T147" fmla="*/ 0 h 1085"/>
              </a:gdLst>
              <a:ahLst/>
              <a:cxnLst>
                <a:cxn ang="T96">
                  <a:pos x="T0" y="T1"/>
                </a:cxn>
                <a:cxn ang="T97">
                  <a:pos x="T2" y="T3"/>
                </a:cxn>
                <a:cxn ang="T98">
                  <a:pos x="T4" y="T5"/>
                </a:cxn>
                <a:cxn ang="T99">
                  <a:pos x="T6" y="T7"/>
                </a:cxn>
                <a:cxn ang="T100">
                  <a:pos x="T8" y="T9"/>
                </a:cxn>
                <a:cxn ang="T101">
                  <a:pos x="T10" y="T11"/>
                </a:cxn>
                <a:cxn ang="T102">
                  <a:pos x="T12" y="T13"/>
                </a:cxn>
                <a:cxn ang="T103">
                  <a:pos x="T14" y="T15"/>
                </a:cxn>
                <a:cxn ang="T104">
                  <a:pos x="T16" y="T17"/>
                </a:cxn>
                <a:cxn ang="T105">
                  <a:pos x="T18" y="T19"/>
                </a:cxn>
                <a:cxn ang="T106">
                  <a:pos x="T20" y="T21"/>
                </a:cxn>
                <a:cxn ang="T107">
                  <a:pos x="T22" y="T23"/>
                </a:cxn>
                <a:cxn ang="T108">
                  <a:pos x="T24" y="T25"/>
                </a:cxn>
                <a:cxn ang="T109">
                  <a:pos x="T26" y="T27"/>
                </a:cxn>
                <a:cxn ang="T110">
                  <a:pos x="T28" y="T29"/>
                </a:cxn>
                <a:cxn ang="T111">
                  <a:pos x="T30" y="T31"/>
                </a:cxn>
                <a:cxn ang="T112">
                  <a:pos x="T32" y="T33"/>
                </a:cxn>
                <a:cxn ang="T113">
                  <a:pos x="T34" y="T35"/>
                </a:cxn>
                <a:cxn ang="T114">
                  <a:pos x="T36" y="T37"/>
                </a:cxn>
                <a:cxn ang="T115">
                  <a:pos x="T38" y="T39"/>
                </a:cxn>
                <a:cxn ang="T116">
                  <a:pos x="T40" y="T41"/>
                </a:cxn>
                <a:cxn ang="T117">
                  <a:pos x="T42" y="T43"/>
                </a:cxn>
                <a:cxn ang="T118">
                  <a:pos x="T44" y="T45"/>
                </a:cxn>
                <a:cxn ang="T119">
                  <a:pos x="T46" y="T47"/>
                </a:cxn>
                <a:cxn ang="T120">
                  <a:pos x="T48" y="T49"/>
                </a:cxn>
                <a:cxn ang="T121">
                  <a:pos x="T50" y="T51"/>
                </a:cxn>
                <a:cxn ang="T122">
                  <a:pos x="T52" y="T53"/>
                </a:cxn>
                <a:cxn ang="T123">
                  <a:pos x="T54" y="T55"/>
                </a:cxn>
                <a:cxn ang="T124">
                  <a:pos x="T56" y="T57"/>
                </a:cxn>
                <a:cxn ang="T125">
                  <a:pos x="T58" y="T59"/>
                </a:cxn>
                <a:cxn ang="T126">
                  <a:pos x="T60" y="T61"/>
                </a:cxn>
                <a:cxn ang="T127">
                  <a:pos x="T62" y="T63"/>
                </a:cxn>
                <a:cxn ang="T128">
                  <a:pos x="T64" y="T65"/>
                </a:cxn>
                <a:cxn ang="T129">
                  <a:pos x="T66" y="T67"/>
                </a:cxn>
                <a:cxn ang="T130">
                  <a:pos x="T68" y="T69"/>
                </a:cxn>
                <a:cxn ang="T131">
                  <a:pos x="T70" y="T71"/>
                </a:cxn>
                <a:cxn ang="T132">
                  <a:pos x="T72" y="T73"/>
                </a:cxn>
                <a:cxn ang="T133">
                  <a:pos x="T74" y="T75"/>
                </a:cxn>
                <a:cxn ang="T134">
                  <a:pos x="T76" y="T77"/>
                </a:cxn>
                <a:cxn ang="T135">
                  <a:pos x="T78" y="T79"/>
                </a:cxn>
                <a:cxn ang="T136">
                  <a:pos x="T80" y="T81"/>
                </a:cxn>
                <a:cxn ang="T137">
                  <a:pos x="T82" y="T83"/>
                </a:cxn>
                <a:cxn ang="T138">
                  <a:pos x="T84" y="T85"/>
                </a:cxn>
                <a:cxn ang="T139">
                  <a:pos x="T86" y="T87"/>
                </a:cxn>
                <a:cxn ang="T140">
                  <a:pos x="T88" y="T89"/>
                </a:cxn>
                <a:cxn ang="T141">
                  <a:pos x="T90" y="T91"/>
                </a:cxn>
                <a:cxn ang="T142">
                  <a:pos x="T92" y="T93"/>
                </a:cxn>
                <a:cxn ang="T143">
                  <a:pos x="T94" y="T95"/>
                </a:cxn>
              </a:cxnLst>
              <a:rect l="T144" t="T145" r="T146" b="T147"/>
              <a:pathLst>
                <a:path w="1607" h="1085">
                  <a:moveTo>
                    <a:pt x="0" y="929"/>
                  </a:moveTo>
                  <a:lnTo>
                    <a:pt x="40" y="941"/>
                  </a:lnTo>
                  <a:lnTo>
                    <a:pt x="148" y="966"/>
                  </a:lnTo>
                  <a:lnTo>
                    <a:pt x="305" y="1000"/>
                  </a:lnTo>
                  <a:lnTo>
                    <a:pt x="399" y="1019"/>
                  </a:lnTo>
                  <a:lnTo>
                    <a:pt x="501" y="1037"/>
                  </a:lnTo>
                  <a:lnTo>
                    <a:pt x="608" y="1052"/>
                  </a:lnTo>
                  <a:lnTo>
                    <a:pt x="718" y="1067"/>
                  </a:lnTo>
                  <a:lnTo>
                    <a:pt x="827" y="1077"/>
                  </a:lnTo>
                  <a:lnTo>
                    <a:pt x="937" y="1083"/>
                  </a:lnTo>
                  <a:lnTo>
                    <a:pt x="991" y="1085"/>
                  </a:lnTo>
                  <a:lnTo>
                    <a:pt x="1044" y="1085"/>
                  </a:lnTo>
                  <a:lnTo>
                    <a:pt x="1096" y="1083"/>
                  </a:lnTo>
                  <a:lnTo>
                    <a:pt x="1146" y="1079"/>
                  </a:lnTo>
                  <a:lnTo>
                    <a:pt x="1194" y="1073"/>
                  </a:lnTo>
                  <a:lnTo>
                    <a:pt x="1240" y="1065"/>
                  </a:lnTo>
                  <a:lnTo>
                    <a:pt x="1284" y="1058"/>
                  </a:lnTo>
                  <a:lnTo>
                    <a:pt x="1327" y="1046"/>
                  </a:lnTo>
                  <a:lnTo>
                    <a:pt x="1338" y="1042"/>
                  </a:lnTo>
                  <a:lnTo>
                    <a:pt x="1371" y="1031"/>
                  </a:lnTo>
                  <a:lnTo>
                    <a:pt x="1392" y="1019"/>
                  </a:lnTo>
                  <a:lnTo>
                    <a:pt x="1415" y="1008"/>
                  </a:lnTo>
                  <a:lnTo>
                    <a:pt x="1444" y="990"/>
                  </a:lnTo>
                  <a:lnTo>
                    <a:pt x="1469" y="971"/>
                  </a:lnTo>
                  <a:lnTo>
                    <a:pt x="1496" y="950"/>
                  </a:lnTo>
                  <a:lnTo>
                    <a:pt x="1520" y="923"/>
                  </a:lnTo>
                  <a:lnTo>
                    <a:pt x="1544" y="893"/>
                  </a:lnTo>
                  <a:lnTo>
                    <a:pt x="1565" y="854"/>
                  </a:lnTo>
                  <a:lnTo>
                    <a:pt x="1582" y="814"/>
                  </a:lnTo>
                  <a:lnTo>
                    <a:pt x="1590" y="791"/>
                  </a:lnTo>
                  <a:lnTo>
                    <a:pt x="1595" y="768"/>
                  </a:lnTo>
                  <a:lnTo>
                    <a:pt x="1601" y="743"/>
                  </a:lnTo>
                  <a:lnTo>
                    <a:pt x="1605" y="716"/>
                  </a:lnTo>
                  <a:lnTo>
                    <a:pt x="1607" y="689"/>
                  </a:lnTo>
                  <a:lnTo>
                    <a:pt x="1607" y="660"/>
                  </a:lnTo>
                  <a:lnTo>
                    <a:pt x="1607" y="643"/>
                  </a:lnTo>
                  <a:lnTo>
                    <a:pt x="1607" y="599"/>
                  </a:lnTo>
                  <a:lnTo>
                    <a:pt x="1599" y="530"/>
                  </a:lnTo>
                  <a:lnTo>
                    <a:pt x="1593" y="487"/>
                  </a:lnTo>
                  <a:lnTo>
                    <a:pt x="1586" y="441"/>
                  </a:lnTo>
                  <a:lnTo>
                    <a:pt x="1574" y="391"/>
                  </a:lnTo>
                  <a:lnTo>
                    <a:pt x="1559" y="340"/>
                  </a:lnTo>
                  <a:lnTo>
                    <a:pt x="1542" y="282"/>
                  </a:lnTo>
                  <a:lnTo>
                    <a:pt x="1519" y="226"/>
                  </a:lnTo>
                  <a:lnTo>
                    <a:pt x="1492" y="171"/>
                  </a:lnTo>
                  <a:lnTo>
                    <a:pt x="1461" y="113"/>
                  </a:lnTo>
                  <a:lnTo>
                    <a:pt x="1424" y="56"/>
                  </a:lnTo>
                  <a:lnTo>
                    <a:pt x="1378" y="0"/>
                  </a:lnTo>
                </a:path>
              </a:pathLst>
            </a:custGeom>
            <a:noFill/>
            <a:ln w="12700" cap="flat" cmpd="sng" algn="ctr">
              <a:solidFill>
                <a:schemeClr val="accent1">
                  <a:alpha val="29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22" name="フリーフォーム 21"/>
            <p:cNvSpPr>
              <a:spLocks/>
            </p:cNvSpPr>
            <p:nvPr userDrawn="1"/>
          </p:nvSpPr>
          <p:spPr bwMode="auto">
            <a:xfrm>
              <a:off x="2082" y="2032"/>
              <a:ext cx="1595" cy="657"/>
            </a:xfrm>
            <a:custGeom>
              <a:avLst/>
              <a:gdLst>
                <a:gd name="T0" fmla="*/ 0 w 1620"/>
                <a:gd name="T1" fmla="*/ 584 h 657"/>
                <a:gd name="T2" fmla="*/ 29 w 1620"/>
                <a:gd name="T3" fmla="*/ 590 h 657"/>
                <a:gd name="T4" fmla="*/ 109 w 1620"/>
                <a:gd name="T5" fmla="*/ 605 h 657"/>
                <a:gd name="T6" fmla="*/ 234 w 1620"/>
                <a:gd name="T7" fmla="*/ 624 h 657"/>
                <a:gd name="T8" fmla="*/ 303 w 1620"/>
                <a:gd name="T9" fmla="*/ 634 h 657"/>
                <a:gd name="T10" fmla="*/ 382 w 1620"/>
                <a:gd name="T11" fmla="*/ 642 h 657"/>
                <a:gd name="T12" fmla="*/ 468 w 1620"/>
                <a:gd name="T13" fmla="*/ 649 h 657"/>
                <a:gd name="T14" fmla="*/ 557 w 1620"/>
                <a:gd name="T15" fmla="*/ 653 h 657"/>
                <a:gd name="T16" fmla="*/ 651 w 1620"/>
                <a:gd name="T17" fmla="*/ 657 h 657"/>
                <a:gd name="T18" fmla="*/ 743 w 1620"/>
                <a:gd name="T19" fmla="*/ 655 h 657"/>
                <a:gd name="T20" fmla="*/ 835 w 1620"/>
                <a:gd name="T21" fmla="*/ 651 h 657"/>
                <a:gd name="T22" fmla="*/ 927 w 1620"/>
                <a:gd name="T23" fmla="*/ 643 h 657"/>
                <a:gd name="T24" fmla="*/ 1017 w 1620"/>
                <a:gd name="T25" fmla="*/ 630 h 657"/>
                <a:gd name="T26" fmla="*/ 1062 w 1620"/>
                <a:gd name="T27" fmla="*/ 620 h 657"/>
                <a:gd name="T28" fmla="*/ 1104 w 1620"/>
                <a:gd name="T29" fmla="*/ 611 h 657"/>
                <a:gd name="T30" fmla="*/ 1117 w 1620"/>
                <a:gd name="T31" fmla="*/ 607 h 657"/>
                <a:gd name="T32" fmla="*/ 1156 w 1620"/>
                <a:gd name="T33" fmla="*/ 597 h 657"/>
                <a:gd name="T34" fmla="*/ 1213 w 1620"/>
                <a:gd name="T35" fmla="*/ 576 h 657"/>
                <a:gd name="T36" fmla="*/ 1246 w 1620"/>
                <a:gd name="T37" fmla="*/ 563 h 657"/>
                <a:gd name="T38" fmla="*/ 1280 w 1620"/>
                <a:gd name="T39" fmla="*/ 547 h 657"/>
                <a:gd name="T40" fmla="*/ 1319 w 1620"/>
                <a:gd name="T41" fmla="*/ 528 h 657"/>
                <a:gd name="T42" fmla="*/ 1355 w 1620"/>
                <a:gd name="T43" fmla="*/ 507 h 657"/>
                <a:gd name="T44" fmla="*/ 1394 w 1620"/>
                <a:gd name="T45" fmla="*/ 482 h 657"/>
                <a:gd name="T46" fmla="*/ 1434 w 1620"/>
                <a:gd name="T47" fmla="*/ 451 h 657"/>
                <a:gd name="T48" fmla="*/ 1471 w 1620"/>
                <a:gd name="T49" fmla="*/ 419 h 657"/>
                <a:gd name="T50" fmla="*/ 1503 w 1620"/>
                <a:gd name="T51" fmla="*/ 380 h 657"/>
                <a:gd name="T52" fmla="*/ 1536 w 1620"/>
                <a:gd name="T53" fmla="*/ 338 h 657"/>
                <a:gd name="T54" fmla="*/ 1549 w 1620"/>
                <a:gd name="T55" fmla="*/ 317 h 657"/>
                <a:gd name="T56" fmla="*/ 1563 w 1620"/>
                <a:gd name="T57" fmla="*/ 294 h 657"/>
                <a:gd name="T58" fmla="*/ 1572 w 1620"/>
                <a:gd name="T59" fmla="*/ 265 h 657"/>
                <a:gd name="T60" fmla="*/ 1582 w 1620"/>
                <a:gd name="T61" fmla="*/ 235 h 657"/>
                <a:gd name="T62" fmla="*/ 1593 w 1620"/>
                <a:gd name="T63" fmla="*/ 196 h 657"/>
                <a:gd name="T64" fmla="*/ 1605 w 1620"/>
                <a:gd name="T65" fmla="*/ 150 h 657"/>
                <a:gd name="T66" fmla="*/ 1615 w 1620"/>
                <a:gd name="T67" fmla="*/ 102 h 657"/>
                <a:gd name="T68" fmla="*/ 1620 w 1620"/>
                <a:gd name="T69" fmla="*/ 52 h 657"/>
                <a:gd name="T70" fmla="*/ 1620 w 1620"/>
                <a:gd name="T71" fmla="*/ 25 h 657"/>
                <a:gd name="T72" fmla="*/ 1620 w 1620"/>
                <a:gd name="T73" fmla="*/ 0 h 657"/>
                <a:gd name="T74" fmla="*/ 0 1 256"/>
                <a:gd name="T75" fmla="*/ 0 1 256"/>
                <a:gd name="T76" fmla="*/ 0 1 256"/>
                <a:gd name="T77" fmla="*/ 0 1 256"/>
                <a:gd name="T78" fmla="*/ 0 1 256"/>
                <a:gd name="T79" fmla="*/ 0 1 256"/>
                <a:gd name="T80" fmla="*/ 0 1 256"/>
                <a:gd name="T81" fmla="*/ 0 1 256"/>
                <a:gd name="T82" fmla="*/ 0 1 256"/>
                <a:gd name="T83" fmla="*/ 0 1 256"/>
                <a:gd name="T84" fmla="*/ 0 1 256"/>
                <a:gd name="T85" fmla="*/ 0 1 256"/>
                <a:gd name="T86" fmla="*/ 0 1 256"/>
                <a:gd name="T87" fmla="*/ 0 1 256"/>
                <a:gd name="T88" fmla="*/ 0 1 256"/>
                <a:gd name="T89" fmla="*/ 0 1 256"/>
                <a:gd name="T90" fmla="*/ 0 1 256"/>
                <a:gd name="T91" fmla="*/ 0 1 256"/>
                <a:gd name="T92" fmla="*/ 0 1 256"/>
                <a:gd name="T93" fmla="*/ 0 1 256"/>
                <a:gd name="T94" fmla="*/ 0 1 256"/>
                <a:gd name="T95" fmla="*/ 0 1 256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w 1620"/>
                <a:gd name="T112" fmla="*/ 0 h 657"/>
                <a:gd name="T113" fmla="*/ 0 w 1620"/>
                <a:gd name="T114" fmla="*/ 0 h 657"/>
              </a:gdLst>
              <a:ahLst/>
              <a:cxnLst>
                <a:cxn ang="T74">
                  <a:pos x="T0" y="T1"/>
                </a:cxn>
                <a:cxn ang="T75">
                  <a:pos x="T2" y="T3"/>
                </a:cxn>
                <a:cxn ang="T76">
                  <a:pos x="T4" y="T5"/>
                </a:cxn>
                <a:cxn ang="T77">
                  <a:pos x="T6" y="T7"/>
                </a:cxn>
                <a:cxn ang="T78">
                  <a:pos x="T8" y="T9"/>
                </a:cxn>
                <a:cxn ang="T79">
                  <a:pos x="T10" y="T11"/>
                </a:cxn>
                <a:cxn ang="T80">
                  <a:pos x="T12" y="T13"/>
                </a:cxn>
                <a:cxn ang="T81">
                  <a:pos x="T14" y="T15"/>
                </a:cxn>
                <a:cxn ang="T82">
                  <a:pos x="T16" y="T17"/>
                </a:cxn>
                <a:cxn ang="T83">
                  <a:pos x="T18" y="T19"/>
                </a:cxn>
                <a:cxn ang="T84">
                  <a:pos x="T20" y="T21"/>
                </a:cxn>
                <a:cxn ang="T85">
                  <a:pos x="T22" y="T23"/>
                </a:cxn>
                <a:cxn ang="T86">
                  <a:pos x="T24" y="T25"/>
                </a:cxn>
                <a:cxn ang="T87">
                  <a:pos x="T26" y="T27"/>
                </a:cxn>
                <a:cxn ang="T88">
                  <a:pos x="T28" y="T29"/>
                </a:cxn>
                <a:cxn ang="T89">
                  <a:pos x="T30" y="T31"/>
                </a:cxn>
                <a:cxn ang="T90">
                  <a:pos x="T32" y="T33"/>
                </a:cxn>
                <a:cxn ang="T91">
                  <a:pos x="T34" y="T35"/>
                </a:cxn>
                <a:cxn ang="T92">
                  <a:pos x="T36" y="T37"/>
                </a:cxn>
                <a:cxn ang="T93">
                  <a:pos x="T38" y="T39"/>
                </a:cxn>
                <a:cxn ang="T94">
                  <a:pos x="T40" y="T41"/>
                </a:cxn>
                <a:cxn ang="T95">
                  <a:pos x="T42" y="T43"/>
                </a:cxn>
                <a:cxn ang="T96">
                  <a:pos x="T44" y="T45"/>
                </a:cxn>
                <a:cxn ang="T97">
                  <a:pos x="T46" y="T47"/>
                </a:cxn>
                <a:cxn ang="T98">
                  <a:pos x="T48" y="T49"/>
                </a:cxn>
                <a:cxn ang="T99">
                  <a:pos x="T50" y="T51"/>
                </a:cxn>
                <a:cxn ang="T100">
                  <a:pos x="T52" y="T53"/>
                </a:cxn>
                <a:cxn ang="T101">
                  <a:pos x="T54" y="T55"/>
                </a:cxn>
                <a:cxn ang="T102">
                  <a:pos x="T56" y="T57"/>
                </a:cxn>
                <a:cxn ang="T103">
                  <a:pos x="T58" y="T59"/>
                </a:cxn>
                <a:cxn ang="T104">
                  <a:pos x="T60" y="T61"/>
                </a:cxn>
                <a:cxn ang="T105">
                  <a:pos x="T62" y="T63"/>
                </a:cxn>
                <a:cxn ang="T106">
                  <a:pos x="T64" y="T65"/>
                </a:cxn>
                <a:cxn ang="T107">
                  <a:pos x="T66" y="T67"/>
                </a:cxn>
                <a:cxn ang="T108">
                  <a:pos x="T68" y="T69"/>
                </a:cxn>
                <a:cxn ang="T109">
                  <a:pos x="T70" y="T71"/>
                </a:cxn>
                <a:cxn ang="T110">
                  <a:pos x="T72" y="T73"/>
                </a:cxn>
              </a:cxnLst>
              <a:rect l="T111" t="T112" r="T113" b="T114"/>
              <a:pathLst>
                <a:path w="1620" h="657">
                  <a:moveTo>
                    <a:pt x="0" y="584"/>
                  </a:moveTo>
                  <a:lnTo>
                    <a:pt x="29" y="590"/>
                  </a:lnTo>
                  <a:lnTo>
                    <a:pt x="109" y="605"/>
                  </a:lnTo>
                  <a:lnTo>
                    <a:pt x="234" y="624"/>
                  </a:lnTo>
                  <a:lnTo>
                    <a:pt x="303" y="634"/>
                  </a:lnTo>
                  <a:lnTo>
                    <a:pt x="382" y="642"/>
                  </a:lnTo>
                  <a:lnTo>
                    <a:pt x="468" y="649"/>
                  </a:lnTo>
                  <a:lnTo>
                    <a:pt x="557" y="653"/>
                  </a:lnTo>
                  <a:lnTo>
                    <a:pt x="651" y="657"/>
                  </a:lnTo>
                  <a:lnTo>
                    <a:pt x="743" y="655"/>
                  </a:lnTo>
                  <a:lnTo>
                    <a:pt x="835" y="651"/>
                  </a:lnTo>
                  <a:lnTo>
                    <a:pt x="927" y="643"/>
                  </a:lnTo>
                  <a:lnTo>
                    <a:pt x="1017" y="630"/>
                  </a:lnTo>
                  <a:lnTo>
                    <a:pt x="1062" y="620"/>
                  </a:lnTo>
                  <a:lnTo>
                    <a:pt x="1104" y="611"/>
                  </a:lnTo>
                  <a:lnTo>
                    <a:pt x="1117" y="607"/>
                  </a:lnTo>
                  <a:lnTo>
                    <a:pt x="1156" y="597"/>
                  </a:lnTo>
                  <a:lnTo>
                    <a:pt x="1213" y="576"/>
                  </a:lnTo>
                  <a:lnTo>
                    <a:pt x="1246" y="563"/>
                  </a:lnTo>
                  <a:lnTo>
                    <a:pt x="1280" y="547"/>
                  </a:lnTo>
                  <a:lnTo>
                    <a:pt x="1319" y="528"/>
                  </a:lnTo>
                  <a:lnTo>
                    <a:pt x="1355" y="507"/>
                  </a:lnTo>
                  <a:lnTo>
                    <a:pt x="1394" y="482"/>
                  </a:lnTo>
                  <a:lnTo>
                    <a:pt x="1434" y="451"/>
                  </a:lnTo>
                  <a:lnTo>
                    <a:pt x="1471" y="419"/>
                  </a:lnTo>
                  <a:lnTo>
                    <a:pt x="1503" y="380"/>
                  </a:lnTo>
                  <a:lnTo>
                    <a:pt x="1536" y="338"/>
                  </a:lnTo>
                  <a:lnTo>
                    <a:pt x="1549" y="317"/>
                  </a:lnTo>
                  <a:lnTo>
                    <a:pt x="1563" y="294"/>
                  </a:lnTo>
                  <a:lnTo>
                    <a:pt x="1572" y="265"/>
                  </a:lnTo>
                  <a:lnTo>
                    <a:pt x="1582" y="235"/>
                  </a:lnTo>
                  <a:lnTo>
                    <a:pt x="1593" y="196"/>
                  </a:lnTo>
                  <a:lnTo>
                    <a:pt x="1605" y="150"/>
                  </a:lnTo>
                  <a:lnTo>
                    <a:pt x="1615" y="102"/>
                  </a:lnTo>
                  <a:lnTo>
                    <a:pt x="1620" y="52"/>
                  </a:lnTo>
                  <a:lnTo>
                    <a:pt x="1620" y="25"/>
                  </a:lnTo>
                  <a:lnTo>
                    <a:pt x="1620" y="0"/>
                  </a:lnTo>
                </a:path>
              </a:pathLst>
            </a:custGeom>
            <a:noFill/>
            <a:ln w="12700" cap="flat" cmpd="sng" algn="ctr">
              <a:solidFill>
                <a:schemeClr val="accent1">
                  <a:alpha val="29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23" name="フリーフォーム 22"/>
            <p:cNvSpPr>
              <a:spLocks/>
            </p:cNvSpPr>
            <p:nvPr userDrawn="1"/>
          </p:nvSpPr>
          <p:spPr bwMode="auto">
            <a:xfrm>
              <a:off x="2500" y="1608"/>
              <a:ext cx="1142" cy="1125"/>
            </a:xfrm>
            <a:custGeom>
              <a:avLst/>
              <a:gdLst>
                <a:gd name="T0" fmla="*/ 0 w 1142"/>
                <a:gd name="T1" fmla="*/ 1144 h 1146"/>
                <a:gd name="T2" fmla="*/ 36 w 1142"/>
                <a:gd name="T3" fmla="*/ 1146 h 1146"/>
                <a:gd name="T4" fmla="*/ 132 w 1142"/>
                <a:gd name="T5" fmla="*/ 1144 h 1146"/>
                <a:gd name="T6" fmla="*/ 200 w 1142"/>
                <a:gd name="T7" fmla="*/ 1142 h 1146"/>
                <a:gd name="T8" fmla="*/ 274 w 1142"/>
                <a:gd name="T9" fmla="*/ 1136 h 1146"/>
                <a:gd name="T10" fmla="*/ 355 w 1142"/>
                <a:gd name="T11" fmla="*/ 1131 h 1146"/>
                <a:gd name="T12" fmla="*/ 438 w 1142"/>
                <a:gd name="T13" fmla="*/ 1119 h 1146"/>
                <a:gd name="T14" fmla="*/ 526 w 1142"/>
                <a:gd name="T15" fmla="*/ 1106 h 1146"/>
                <a:gd name="T16" fmla="*/ 614 w 1142"/>
                <a:gd name="T17" fmla="*/ 1087 h 1146"/>
                <a:gd name="T18" fmla="*/ 658 w 1142"/>
                <a:gd name="T19" fmla="*/ 1075 h 1146"/>
                <a:gd name="T20" fmla="*/ 701 w 1142"/>
                <a:gd name="T21" fmla="*/ 1064 h 1146"/>
                <a:gd name="T22" fmla="*/ 743 w 1142"/>
                <a:gd name="T23" fmla="*/ 1050 h 1146"/>
                <a:gd name="T24" fmla="*/ 783 w 1142"/>
                <a:gd name="T25" fmla="*/ 1035 h 1146"/>
                <a:gd name="T26" fmla="*/ 822 w 1142"/>
                <a:gd name="T27" fmla="*/ 1017 h 1146"/>
                <a:gd name="T28" fmla="*/ 860 w 1142"/>
                <a:gd name="T29" fmla="*/ 998 h 1146"/>
                <a:gd name="T30" fmla="*/ 895 w 1142"/>
                <a:gd name="T31" fmla="*/ 979 h 1146"/>
                <a:gd name="T32" fmla="*/ 927 w 1142"/>
                <a:gd name="T33" fmla="*/ 958 h 1146"/>
                <a:gd name="T34" fmla="*/ 958 w 1142"/>
                <a:gd name="T35" fmla="*/ 935 h 1146"/>
                <a:gd name="T36" fmla="*/ 985 w 1142"/>
                <a:gd name="T37" fmla="*/ 910 h 1146"/>
                <a:gd name="T38" fmla="*/ 1012 w 1142"/>
                <a:gd name="T39" fmla="*/ 883 h 1146"/>
                <a:gd name="T40" fmla="*/ 1033 w 1142"/>
                <a:gd name="T41" fmla="*/ 852 h 1146"/>
                <a:gd name="T42" fmla="*/ 1040 w 1142"/>
                <a:gd name="T43" fmla="*/ 841 h 1146"/>
                <a:gd name="T44" fmla="*/ 1060 w 1142"/>
                <a:gd name="T45" fmla="*/ 808 h 1146"/>
                <a:gd name="T46" fmla="*/ 1073 w 1142"/>
                <a:gd name="T47" fmla="*/ 783 h 1146"/>
                <a:gd name="T48" fmla="*/ 1085 w 1142"/>
                <a:gd name="T49" fmla="*/ 751 h 1146"/>
                <a:gd name="T50" fmla="*/ 1098 w 1142"/>
                <a:gd name="T51" fmla="*/ 712 h 1146"/>
                <a:gd name="T52" fmla="*/ 1112 w 1142"/>
                <a:gd name="T53" fmla="*/ 664 h 1146"/>
                <a:gd name="T54" fmla="*/ 1123 w 1142"/>
                <a:gd name="T55" fmla="*/ 610 h 1146"/>
                <a:gd name="T56" fmla="*/ 1133 w 1142"/>
                <a:gd name="T57" fmla="*/ 551 h 1146"/>
                <a:gd name="T58" fmla="*/ 1140 w 1142"/>
                <a:gd name="T59" fmla="*/ 482 h 1146"/>
                <a:gd name="T60" fmla="*/ 1142 w 1142"/>
                <a:gd name="T61" fmla="*/ 403 h 1146"/>
                <a:gd name="T62" fmla="*/ 1142 w 1142"/>
                <a:gd name="T63" fmla="*/ 317 h 1146"/>
                <a:gd name="T64" fmla="*/ 1136 w 1142"/>
                <a:gd name="T65" fmla="*/ 219 h 1146"/>
                <a:gd name="T66" fmla="*/ 1127 w 1142"/>
                <a:gd name="T67" fmla="*/ 115 h 1146"/>
                <a:gd name="T68" fmla="*/ 1110 w 1142"/>
                <a:gd name="T69" fmla="*/ 0 h 1146"/>
                <a:gd name="T70" fmla="*/ 0 1 256"/>
                <a:gd name="T71" fmla="*/ 0 1 256"/>
                <a:gd name="T72" fmla="*/ 0 1 256"/>
                <a:gd name="T73" fmla="*/ 0 1 256"/>
                <a:gd name="T74" fmla="*/ 0 1 256"/>
                <a:gd name="T75" fmla="*/ 0 1 256"/>
                <a:gd name="T76" fmla="*/ 0 1 256"/>
                <a:gd name="T77" fmla="*/ 0 1 256"/>
                <a:gd name="T78" fmla="*/ 0 1 256"/>
                <a:gd name="T79" fmla="*/ 0 1 256"/>
                <a:gd name="T80" fmla="*/ 0 1 256"/>
                <a:gd name="T81" fmla="*/ 0 1 256"/>
                <a:gd name="T82" fmla="*/ 0 1 256"/>
                <a:gd name="T83" fmla="*/ 0 1 256"/>
                <a:gd name="T84" fmla="*/ 0 1 256"/>
                <a:gd name="T85" fmla="*/ 0 1 256"/>
                <a:gd name="T86" fmla="*/ 0 1 256"/>
                <a:gd name="T87" fmla="*/ 0 1 256"/>
                <a:gd name="T88" fmla="*/ 0 1 256"/>
                <a:gd name="T89" fmla="*/ 0 1 256"/>
                <a:gd name="T90" fmla="*/ 0 1 256"/>
                <a:gd name="T91" fmla="*/ 0 1 256"/>
                <a:gd name="T92" fmla="*/ 0 1 256"/>
                <a:gd name="T93" fmla="*/ 0 1 256"/>
                <a:gd name="T94" fmla="*/ 0 1 256"/>
                <a:gd name="T95" fmla="*/ 0 1 256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w 1142"/>
                <a:gd name="T106" fmla="*/ 0 h 1146"/>
                <a:gd name="T107" fmla="*/ 0 w 1142"/>
                <a:gd name="T108" fmla="*/ 0 h 1146"/>
              </a:gdLst>
              <a:ahLst/>
              <a:cxnLst>
                <a:cxn ang="T70">
                  <a:pos x="T0" y="T1"/>
                </a:cxn>
                <a:cxn ang="T71">
                  <a:pos x="T2" y="T3"/>
                </a:cxn>
                <a:cxn ang="T72">
                  <a:pos x="T4" y="T5"/>
                </a:cxn>
                <a:cxn ang="T73">
                  <a:pos x="T6" y="T7"/>
                </a:cxn>
                <a:cxn ang="T74">
                  <a:pos x="T8" y="T9"/>
                </a:cxn>
                <a:cxn ang="T75">
                  <a:pos x="T10" y="T11"/>
                </a:cxn>
                <a:cxn ang="T76">
                  <a:pos x="T12" y="T13"/>
                </a:cxn>
                <a:cxn ang="T77">
                  <a:pos x="T14" y="T15"/>
                </a:cxn>
                <a:cxn ang="T78">
                  <a:pos x="T16" y="T17"/>
                </a:cxn>
                <a:cxn ang="T79">
                  <a:pos x="T18" y="T19"/>
                </a:cxn>
                <a:cxn ang="T80">
                  <a:pos x="T20" y="T21"/>
                </a:cxn>
                <a:cxn ang="T81">
                  <a:pos x="T22" y="T23"/>
                </a:cxn>
                <a:cxn ang="T82">
                  <a:pos x="T24" y="T25"/>
                </a:cxn>
                <a:cxn ang="T83">
                  <a:pos x="T26" y="T27"/>
                </a:cxn>
                <a:cxn ang="T84">
                  <a:pos x="T28" y="T29"/>
                </a:cxn>
                <a:cxn ang="T85">
                  <a:pos x="T30" y="T31"/>
                </a:cxn>
                <a:cxn ang="T86">
                  <a:pos x="T32" y="T33"/>
                </a:cxn>
                <a:cxn ang="T87">
                  <a:pos x="T34" y="T35"/>
                </a:cxn>
                <a:cxn ang="T88">
                  <a:pos x="T36" y="T37"/>
                </a:cxn>
                <a:cxn ang="T89">
                  <a:pos x="T38" y="T39"/>
                </a:cxn>
                <a:cxn ang="T90">
                  <a:pos x="T40" y="T41"/>
                </a:cxn>
                <a:cxn ang="T91">
                  <a:pos x="T42" y="T43"/>
                </a:cxn>
                <a:cxn ang="T92">
                  <a:pos x="T44" y="T45"/>
                </a:cxn>
                <a:cxn ang="T93">
                  <a:pos x="T46" y="T47"/>
                </a:cxn>
                <a:cxn ang="T94">
                  <a:pos x="T48" y="T49"/>
                </a:cxn>
                <a:cxn ang="T95">
                  <a:pos x="T50" y="T51"/>
                </a:cxn>
                <a:cxn ang="T96">
                  <a:pos x="T52" y="T53"/>
                </a:cxn>
                <a:cxn ang="T97">
                  <a:pos x="T54" y="T55"/>
                </a:cxn>
                <a:cxn ang="T98">
                  <a:pos x="T56" y="T57"/>
                </a:cxn>
                <a:cxn ang="T99">
                  <a:pos x="T58" y="T59"/>
                </a:cxn>
                <a:cxn ang="T100">
                  <a:pos x="T60" y="T61"/>
                </a:cxn>
                <a:cxn ang="T101">
                  <a:pos x="T62" y="T63"/>
                </a:cxn>
                <a:cxn ang="T102">
                  <a:pos x="T64" y="T65"/>
                </a:cxn>
                <a:cxn ang="T103">
                  <a:pos x="T66" y="T67"/>
                </a:cxn>
                <a:cxn ang="T104">
                  <a:pos x="T68" y="T69"/>
                </a:cxn>
              </a:cxnLst>
              <a:rect l="T105" t="T106" r="T107" b="T108"/>
              <a:pathLst>
                <a:path w="1142" h="1146">
                  <a:moveTo>
                    <a:pt x="0" y="1144"/>
                  </a:moveTo>
                  <a:lnTo>
                    <a:pt x="36" y="1146"/>
                  </a:lnTo>
                  <a:lnTo>
                    <a:pt x="132" y="1144"/>
                  </a:lnTo>
                  <a:lnTo>
                    <a:pt x="200" y="1142"/>
                  </a:lnTo>
                  <a:lnTo>
                    <a:pt x="274" y="1136"/>
                  </a:lnTo>
                  <a:lnTo>
                    <a:pt x="355" y="1131"/>
                  </a:lnTo>
                  <a:lnTo>
                    <a:pt x="438" y="1119"/>
                  </a:lnTo>
                  <a:lnTo>
                    <a:pt x="526" y="1106"/>
                  </a:lnTo>
                  <a:lnTo>
                    <a:pt x="614" y="1087"/>
                  </a:lnTo>
                  <a:lnTo>
                    <a:pt x="658" y="1075"/>
                  </a:lnTo>
                  <a:lnTo>
                    <a:pt x="701" y="1064"/>
                  </a:lnTo>
                  <a:lnTo>
                    <a:pt x="743" y="1050"/>
                  </a:lnTo>
                  <a:lnTo>
                    <a:pt x="783" y="1035"/>
                  </a:lnTo>
                  <a:lnTo>
                    <a:pt x="822" y="1017"/>
                  </a:lnTo>
                  <a:lnTo>
                    <a:pt x="860" y="998"/>
                  </a:lnTo>
                  <a:lnTo>
                    <a:pt x="895" y="979"/>
                  </a:lnTo>
                  <a:lnTo>
                    <a:pt x="927" y="958"/>
                  </a:lnTo>
                  <a:lnTo>
                    <a:pt x="958" y="935"/>
                  </a:lnTo>
                  <a:lnTo>
                    <a:pt x="985" y="910"/>
                  </a:lnTo>
                  <a:lnTo>
                    <a:pt x="1012" y="883"/>
                  </a:lnTo>
                  <a:lnTo>
                    <a:pt x="1033" y="852"/>
                  </a:lnTo>
                  <a:lnTo>
                    <a:pt x="1040" y="841"/>
                  </a:lnTo>
                  <a:lnTo>
                    <a:pt x="1060" y="808"/>
                  </a:lnTo>
                  <a:lnTo>
                    <a:pt x="1073" y="783"/>
                  </a:lnTo>
                  <a:lnTo>
                    <a:pt x="1085" y="751"/>
                  </a:lnTo>
                  <a:lnTo>
                    <a:pt x="1098" y="712"/>
                  </a:lnTo>
                  <a:lnTo>
                    <a:pt x="1112" y="664"/>
                  </a:lnTo>
                  <a:lnTo>
                    <a:pt x="1123" y="610"/>
                  </a:lnTo>
                  <a:lnTo>
                    <a:pt x="1133" y="551"/>
                  </a:lnTo>
                  <a:lnTo>
                    <a:pt x="1140" y="482"/>
                  </a:lnTo>
                  <a:lnTo>
                    <a:pt x="1142" y="403"/>
                  </a:lnTo>
                  <a:lnTo>
                    <a:pt x="1142" y="317"/>
                  </a:lnTo>
                  <a:lnTo>
                    <a:pt x="1136" y="219"/>
                  </a:lnTo>
                  <a:lnTo>
                    <a:pt x="1127" y="115"/>
                  </a:lnTo>
                  <a:lnTo>
                    <a:pt x="1110" y="0"/>
                  </a:lnTo>
                </a:path>
              </a:pathLst>
            </a:custGeom>
            <a:noFill/>
            <a:ln w="12700" cap="flat" cmpd="sng" algn="ctr">
              <a:solidFill>
                <a:schemeClr val="accent1">
                  <a:alpha val="29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24" name="フリーフォーム 23"/>
            <p:cNvSpPr>
              <a:spLocks/>
            </p:cNvSpPr>
            <p:nvPr userDrawn="1"/>
          </p:nvSpPr>
          <p:spPr bwMode="auto">
            <a:xfrm>
              <a:off x="3381" y="1608"/>
              <a:ext cx="296" cy="246"/>
            </a:xfrm>
            <a:custGeom>
              <a:avLst/>
              <a:gdLst>
                <a:gd name="T0" fmla="*/ 0 w 309"/>
                <a:gd name="T1" fmla="*/ 0 h 263"/>
                <a:gd name="T2" fmla="*/ 39 w 309"/>
                <a:gd name="T3" fmla="*/ 19 h 263"/>
                <a:gd name="T4" fmla="*/ 79 w 309"/>
                <a:gd name="T5" fmla="*/ 42 h 263"/>
                <a:gd name="T6" fmla="*/ 131 w 309"/>
                <a:gd name="T7" fmla="*/ 73 h 263"/>
                <a:gd name="T8" fmla="*/ 156 w 309"/>
                <a:gd name="T9" fmla="*/ 90 h 263"/>
                <a:gd name="T10" fmla="*/ 183 w 309"/>
                <a:gd name="T11" fmla="*/ 111 h 263"/>
                <a:gd name="T12" fmla="*/ 209 w 309"/>
                <a:gd name="T13" fmla="*/ 132 h 263"/>
                <a:gd name="T14" fmla="*/ 232 w 309"/>
                <a:gd name="T15" fmla="*/ 155 h 263"/>
                <a:gd name="T16" fmla="*/ 257 w 309"/>
                <a:gd name="T17" fmla="*/ 180 h 263"/>
                <a:gd name="T18" fmla="*/ 277 w 309"/>
                <a:gd name="T19" fmla="*/ 205 h 263"/>
                <a:gd name="T20" fmla="*/ 296 w 309"/>
                <a:gd name="T21" fmla="*/ 234 h 263"/>
                <a:gd name="T22" fmla="*/ 309 w 309"/>
                <a:gd name="T23" fmla="*/ 263 h 263"/>
                <a:gd name="T24" fmla="*/ 0 1 256"/>
                <a:gd name="T25" fmla="*/ 0 1 256"/>
                <a:gd name="T26" fmla="*/ 0 1 256"/>
                <a:gd name="T27" fmla="*/ 0 1 256"/>
                <a:gd name="T28" fmla="*/ 0 1 256"/>
                <a:gd name="T29" fmla="*/ 0 1 256"/>
                <a:gd name="T30" fmla="*/ 0 1 256"/>
                <a:gd name="T31" fmla="*/ 0 1 256"/>
                <a:gd name="T32" fmla="*/ 0 1 256"/>
                <a:gd name="T33" fmla="*/ 0 1 256"/>
                <a:gd name="T34" fmla="*/ 0 1 256"/>
                <a:gd name="T35" fmla="*/ 0 1 256"/>
                <a:gd name="T36" fmla="*/ 0 w 309"/>
                <a:gd name="T37" fmla="*/ 0 h 263"/>
                <a:gd name="T38" fmla="*/ 0 w 309"/>
                <a:gd name="T39" fmla="*/ 0 h 263"/>
              </a:gdLst>
              <a:ahLst/>
              <a:cxnLst>
                <a:cxn ang="T24">
                  <a:pos x="T0" y="T1"/>
                </a:cxn>
                <a:cxn ang="T25">
                  <a:pos x="T2" y="T3"/>
                </a:cxn>
                <a:cxn ang="T26">
                  <a:pos x="T4" y="T5"/>
                </a:cxn>
                <a:cxn ang="T27">
                  <a:pos x="T6" y="T7"/>
                </a:cxn>
                <a:cxn ang="T28">
                  <a:pos x="T8" y="T9"/>
                </a:cxn>
                <a:cxn ang="T29">
                  <a:pos x="T10" y="T11"/>
                </a:cxn>
                <a:cxn ang="T30">
                  <a:pos x="T12" y="T13"/>
                </a:cxn>
                <a:cxn ang="T31">
                  <a:pos x="T14" y="T15"/>
                </a:cxn>
                <a:cxn ang="T32">
                  <a:pos x="T16" y="T17"/>
                </a:cxn>
                <a:cxn ang="T33">
                  <a:pos x="T18" y="T19"/>
                </a:cxn>
                <a:cxn ang="T34">
                  <a:pos x="T20" y="T21"/>
                </a:cxn>
                <a:cxn ang="T35">
                  <a:pos x="T22" y="T23"/>
                </a:cxn>
              </a:cxnLst>
              <a:rect l="T36" t="T37" r="T38" b="T39"/>
              <a:pathLst>
                <a:path w="309" h="263">
                  <a:moveTo>
                    <a:pt x="0" y="0"/>
                  </a:moveTo>
                  <a:lnTo>
                    <a:pt x="39" y="19"/>
                  </a:lnTo>
                  <a:lnTo>
                    <a:pt x="79" y="42"/>
                  </a:lnTo>
                  <a:lnTo>
                    <a:pt x="131" y="73"/>
                  </a:lnTo>
                  <a:lnTo>
                    <a:pt x="156" y="90"/>
                  </a:lnTo>
                  <a:lnTo>
                    <a:pt x="183" y="111"/>
                  </a:lnTo>
                  <a:lnTo>
                    <a:pt x="209" y="132"/>
                  </a:lnTo>
                  <a:lnTo>
                    <a:pt x="232" y="155"/>
                  </a:lnTo>
                  <a:lnTo>
                    <a:pt x="257" y="180"/>
                  </a:lnTo>
                  <a:lnTo>
                    <a:pt x="277" y="205"/>
                  </a:lnTo>
                  <a:lnTo>
                    <a:pt x="296" y="234"/>
                  </a:lnTo>
                  <a:lnTo>
                    <a:pt x="309" y="263"/>
                  </a:lnTo>
                </a:path>
              </a:pathLst>
            </a:custGeom>
            <a:noFill/>
            <a:ln w="12700" cap="flat" cmpd="sng" algn="ctr">
              <a:solidFill>
                <a:schemeClr val="accent1">
                  <a:alpha val="29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25" name="フリーフォーム 24"/>
            <p:cNvSpPr>
              <a:spLocks/>
            </p:cNvSpPr>
            <p:nvPr userDrawn="1"/>
          </p:nvSpPr>
          <p:spPr bwMode="auto">
            <a:xfrm>
              <a:off x="2079" y="2576"/>
              <a:ext cx="951" cy="157"/>
            </a:xfrm>
            <a:custGeom>
              <a:avLst/>
              <a:gdLst>
                <a:gd name="T0" fmla="*/ 0 w 960"/>
                <a:gd name="T1" fmla="*/ 0 h 157"/>
                <a:gd name="T2" fmla="*/ 98 w 960"/>
                <a:gd name="T3" fmla="*/ 27 h 157"/>
                <a:gd name="T4" fmla="*/ 209 w 960"/>
                <a:gd name="T5" fmla="*/ 53 h 157"/>
                <a:gd name="T6" fmla="*/ 340 w 960"/>
                <a:gd name="T7" fmla="*/ 84 h 157"/>
                <a:gd name="T8" fmla="*/ 493 w 960"/>
                <a:gd name="T9" fmla="*/ 113 h 157"/>
                <a:gd name="T10" fmla="*/ 572 w 960"/>
                <a:gd name="T11" fmla="*/ 126 h 157"/>
                <a:gd name="T12" fmla="*/ 654 w 960"/>
                <a:gd name="T13" fmla="*/ 138 h 157"/>
                <a:gd name="T14" fmla="*/ 735 w 960"/>
                <a:gd name="T15" fmla="*/ 146 h 157"/>
                <a:gd name="T16" fmla="*/ 812 w 960"/>
                <a:gd name="T17" fmla="*/ 153 h 157"/>
                <a:gd name="T18" fmla="*/ 887 w 960"/>
                <a:gd name="T19" fmla="*/ 157 h 157"/>
                <a:gd name="T20" fmla="*/ 960 w 960"/>
                <a:gd name="T21" fmla="*/ 155 h 157"/>
                <a:gd name="T22" fmla="*/ 0 1 256"/>
                <a:gd name="T23" fmla="*/ 0 1 256"/>
                <a:gd name="T24" fmla="*/ 0 1 256"/>
                <a:gd name="T25" fmla="*/ 0 1 256"/>
                <a:gd name="T26" fmla="*/ 0 1 256"/>
                <a:gd name="T27" fmla="*/ 0 1 256"/>
                <a:gd name="T28" fmla="*/ 0 1 256"/>
                <a:gd name="T29" fmla="*/ 0 1 256"/>
                <a:gd name="T30" fmla="*/ 0 1 256"/>
                <a:gd name="T31" fmla="*/ 0 1 256"/>
                <a:gd name="T32" fmla="*/ 0 1 256"/>
                <a:gd name="T33" fmla="*/ 0 w 960"/>
                <a:gd name="T34" fmla="*/ 0 h 157"/>
                <a:gd name="T35" fmla="*/ 0 w 960"/>
                <a:gd name="T36" fmla="*/ 0 h 157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T33" t="T34" r="T35" b="T36"/>
              <a:pathLst>
                <a:path w="960" h="157">
                  <a:moveTo>
                    <a:pt x="0" y="0"/>
                  </a:moveTo>
                  <a:lnTo>
                    <a:pt x="98" y="27"/>
                  </a:lnTo>
                  <a:lnTo>
                    <a:pt x="209" y="53"/>
                  </a:lnTo>
                  <a:lnTo>
                    <a:pt x="340" y="84"/>
                  </a:lnTo>
                  <a:lnTo>
                    <a:pt x="493" y="113"/>
                  </a:lnTo>
                  <a:lnTo>
                    <a:pt x="572" y="126"/>
                  </a:lnTo>
                  <a:lnTo>
                    <a:pt x="654" y="138"/>
                  </a:lnTo>
                  <a:lnTo>
                    <a:pt x="735" y="146"/>
                  </a:lnTo>
                  <a:lnTo>
                    <a:pt x="812" y="153"/>
                  </a:lnTo>
                  <a:lnTo>
                    <a:pt x="887" y="157"/>
                  </a:lnTo>
                  <a:lnTo>
                    <a:pt x="960" y="155"/>
                  </a:lnTo>
                </a:path>
              </a:pathLst>
            </a:custGeom>
            <a:noFill/>
            <a:ln w="12700" cap="flat" cmpd="sng" algn="ctr">
              <a:solidFill>
                <a:schemeClr val="accent1">
                  <a:alpha val="29000"/>
                </a:schemeClr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chemeClr val="tx1"/>
                </a:solidFill>
                <a:latin typeface="+mn-lt"/>
                <a:ea typeface="+mn-ea"/>
                <a:cs typeface="+mn-cs"/>
              </a:endParaRPr>
            </a:p>
          </p:txBody>
        </p:sp>
      </p:grpSp>
      <p:sp>
        <p:nvSpPr>
          <p:cNvPr id="14" name="タイトル プレースホルダ 13"/>
          <p:cNvSpPr>
            <a:spLocks noGrp="1"/>
          </p:cNvSpPr>
          <p:nvPr>
            <p:ph type="title"/>
          </p:nvPr>
        </p:nvSpPr>
        <p:spPr>
          <a:xfrm>
            <a:off x="457200" y="428612"/>
            <a:ext cx="8229600" cy="1143000"/>
          </a:xfrm>
          <a:prstGeom prst="rect">
            <a:avLst/>
          </a:prstGeom>
          <a:effectLst>
            <a:softEdge rad="12700"/>
          </a:effectLst>
        </p:spPr>
        <p:txBody>
          <a:bodyPr vert="horz" rtlCol="0" anchor="ctr">
            <a:normAutofit/>
          </a:bodyPr>
          <a:lstStyle/>
          <a:p>
            <a:r>
              <a:rPr kumimoji="0" lang="ja-JP" altLang="en-US" smtClean="0"/>
              <a:t>マスタ タイトルの書式設定</a:t>
            </a:r>
            <a:endParaRPr kumimoji="0" lang="en-US"/>
          </a:p>
        </p:txBody>
      </p:sp>
      <p:sp>
        <p:nvSpPr>
          <p:cNvPr id="13" name="テキスト プレースホルダ 12"/>
          <p:cNvSpPr>
            <a:spLocks noGrp="1"/>
          </p:cNvSpPr>
          <p:nvPr>
            <p:ph type="body" idx="1"/>
          </p:nvPr>
        </p:nvSpPr>
        <p:spPr>
          <a:xfrm>
            <a:off x="457200" y="1601170"/>
            <a:ext cx="8229600" cy="4685350"/>
          </a:xfrm>
          <a:prstGeom prst="rect">
            <a:avLst/>
          </a:prstGeom>
        </p:spPr>
        <p:txBody>
          <a:bodyPr vert="horz" rtlCol="0">
            <a:normAutofit/>
          </a:bodyPr>
          <a:lstStyle/>
          <a:p>
            <a:pPr lvl="0" eaLnBrk="1" latinLnBrk="0" hangingPunct="1"/>
            <a:r>
              <a:rPr kumimoji="0" lang="ja-JP" altLang="en-US" smtClean="0"/>
              <a:t>マスタ テキストの書式設定</a:t>
            </a:r>
          </a:p>
          <a:p>
            <a:pPr lvl="1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2 </a:t>
            </a:r>
            <a:r>
              <a:rPr kumimoji="0" lang="ja-JP" altLang="en-US" smtClean="0"/>
              <a:t>レベル</a:t>
            </a:r>
          </a:p>
          <a:p>
            <a:pPr lvl="2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3 </a:t>
            </a:r>
            <a:r>
              <a:rPr kumimoji="0" lang="ja-JP" altLang="en-US" smtClean="0"/>
              <a:t>レベル</a:t>
            </a:r>
          </a:p>
          <a:p>
            <a:pPr lvl="3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4 </a:t>
            </a:r>
            <a:r>
              <a:rPr kumimoji="0" lang="ja-JP" altLang="en-US" smtClean="0"/>
              <a:t>レベル</a:t>
            </a:r>
          </a:p>
          <a:p>
            <a:pPr lvl="4" eaLnBrk="1" latinLnBrk="0" hangingPunct="1"/>
            <a:r>
              <a:rPr kumimoji="0" lang="ja-JP" altLang="en-US" smtClean="0"/>
              <a:t>第 </a:t>
            </a:r>
            <a:r>
              <a:rPr kumimoji="0" lang="en-US" altLang="ja-JP" smtClean="0"/>
              <a:t>5 </a:t>
            </a:r>
            <a:r>
              <a:rPr kumimoji="0" lang="ja-JP" altLang="en-US" smtClean="0"/>
              <a:t>レベル</a:t>
            </a:r>
            <a:endParaRPr kumimoji="0" lang="en-US"/>
          </a:p>
        </p:txBody>
      </p:sp>
      <p:grpSp>
        <p:nvGrpSpPr>
          <p:cNvPr id="3" name="グループ化 2"/>
          <p:cNvGrpSpPr/>
          <p:nvPr/>
        </p:nvGrpSpPr>
        <p:grpSpPr>
          <a:xfrm>
            <a:off x="8072430" y="5827532"/>
            <a:ext cx="1071570" cy="1036602"/>
            <a:chOff x="6357950" y="5000636"/>
            <a:chExt cx="1071570" cy="1036602"/>
          </a:xfrm>
          <a:solidFill>
            <a:schemeClr val="accent1">
              <a:alpha val="30000"/>
            </a:schemeClr>
          </a:solidFill>
        </p:grpSpPr>
        <p:sp>
          <p:nvSpPr>
            <p:cNvPr id="33" name="フリーフォーム 32"/>
            <p:cNvSpPr>
              <a:spLocks/>
            </p:cNvSpPr>
            <p:nvPr/>
          </p:nvSpPr>
          <p:spPr bwMode="auto">
            <a:xfrm rot="21162566">
              <a:off x="6357950" y="5000636"/>
              <a:ext cx="1071570" cy="1036602"/>
            </a:xfrm>
            <a:custGeom>
              <a:avLst/>
              <a:gdLst>
                <a:gd name="T0" fmla="*/ 320675 w 551"/>
                <a:gd name="T1" fmla="*/ 11112 h 537"/>
                <a:gd name="T2" fmla="*/ 331787 w 551"/>
                <a:gd name="T3" fmla="*/ 11112 h 537"/>
                <a:gd name="T4" fmla="*/ 265112 w 551"/>
                <a:gd name="T5" fmla="*/ 93662 h 537"/>
                <a:gd name="T6" fmla="*/ 171450 w 551"/>
                <a:gd name="T7" fmla="*/ 185737 h 537"/>
                <a:gd name="T8" fmla="*/ 112712 w 551"/>
                <a:gd name="T9" fmla="*/ 334962 h 537"/>
                <a:gd name="T10" fmla="*/ 136525 w 551"/>
                <a:gd name="T11" fmla="*/ 495300 h 537"/>
                <a:gd name="T12" fmla="*/ 241300 w 551"/>
                <a:gd name="T13" fmla="*/ 633412 h 537"/>
                <a:gd name="T14" fmla="*/ 401637 w 551"/>
                <a:gd name="T15" fmla="*/ 715962 h 537"/>
                <a:gd name="T16" fmla="*/ 563562 w 551"/>
                <a:gd name="T17" fmla="*/ 715962 h 537"/>
                <a:gd name="T18" fmla="*/ 688975 w 551"/>
                <a:gd name="T19" fmla="*/ 600075 h 537"/>
                <a:gd name="T20" fmla="*/ 701675 w 551"/>
                <a:gd name="T21" fmla="*/ 495300 h 537"/>
                <a:gd name="T22" fmla="*/ 642937 w 551"/>
                <a:gd name="T23" fmla="*/ 358775 h 537"/>
                <a:gd name="T24" fmla="*/ 701675 w 551"/>
                <a:gd name="T25" fmla="*/ 404812 h 537"/>
                <a:gd name="T26" fmla="*/ 622300 w 551"/>
                <a:gd name="T27" fmla="*/ 288925 h 537"/>
                <a:gd name="T28" fmla="*/ 735012 w 551"/>
                <a:gd name="T29" fmla="*/ 392112 h 537"/>
                <a:gd name="T30" fmla="*/ 758825 w 551"/>
                <a:gd name="T31" fmla="*/ 471487 h 537"/>
                <a:gd name="T32" fmla="*/ 735012 w 551"/>
                <a:gd name="T33" fmla="*/ 587375 h 537"/>
                <a:gd name="T34" fmla="*/ 746125 w 551"/>
                <a:gd name="T35" fmla="*/ 577850 h 537"/>
                <a:gd name="T36" fmla="*/ 792162 w 551"/>
                <a:gd name="T37" fmla="*/ 495300 h 537"/>
                <a:gd name="T38" fmla="*/ 792162 w 551"/>
                <a:gd name="T39" fmla="*/ 415925 h 537"/>
                <a:gd name="T40" fmla="*/ 725487 w 551"/>
                <a:gd name="T41" fmla="*/ 263525 h 537"/>
                <a:gd name="T42" fmla="*/ 746125 w 551"/>
                <a:gd name="T43" fmla="*/ 242887 h 537"/>
                <a:gd name="T44" fmla="*/ 642937 w 551"/>
                <a:gd name="T45" fmla="*/ 160337 h 537"/>
                <a:gd name="T46" fmla="*/ 527050 w 551"/>
                <a:gd name="T47" fmla="*/ 139700 h 537"/>
                <a:gd name="T48" fmla="*/ 517525 w 551"/>
                <a:gd name="T49" fmla="*/ 127000 h 537"/>
                <a:gd name="T50" fmla="*/ 527050 w 551"/>
                <a:gd name="T51" fmla="*/ 103187 h 537"/>
                <a:gd name="T52" fmla="*/ 585787 w 551"/>
                <a:gd name="T53" fmla="*/ 80962 h 537"/>
                <a:gd name="T54" fmla="*/ 782637 w 551"/>
                <a:gd name="T55" fmla="*/ 196850 h 537"/>
                <a:gd name="T56" fmla="*/ 862012 w 551"/>
                <a:gd name="T57" fmla="*/ 334962 h 537"/>
                <a:gd name="T58" fmla="*/ 862012 w 551"/>
                <a:gd name="T59" fmla="*/ 495300 h 537"/>
                <a:gd name="T60" fmla="*/ 804862 w 551"/>
                <a:gd name="T61" fmla="*/ 669925 h 537"/>
                <a:gd name="T62" fmla="*/ 688975 w 551"/>
                <a:gd name="T63" fmla="*/ 785812 h 537"/>
                <a:gd name="T64" fmla="*/ 563562 w 551"/>
                <a:gd name="T65" fmla="*/ 842962 h 537"/>
                <a:gd name="T66" fmla="*/ 390525 w 551"/>
                <a:gd name="T67" fmla="*/ 852487 h 537"/>
                <a:gd name="T68" fmla="*/ 207962 w 551"/>
                <a:gd name="T69" fmla="*/ 793750 h 537"/>
                <a:gd name="T70" fmla="*/ 57150 w 551"/>
                <a:gd name="T71" fmla="*/ 669925 h 537"/>
                <a:gd name="T72" fmla="*/ 46037 w 551"/>
                <a:gd name="T73" fmla="*/ 611187 h 537"/>
                <a:gd name="T74" fmla="*/ 92075 w 551"/>
                <a:gd name="T75" fmla="*/ 690562 h 537"/>
                <a:gd name="T76" fmla="*/ 103187 w 551"/>
                <a:gd name="T77" fmla="*/ 681037 h 537"/>
                <a:gd name="T78" fmla="*/ 112712 w 551"/>
                <a:gd name="T79" fmla="*/ 690562 h 537"/>
                <a:gd name="T80" fmla="*/ 33337 w 551"/>
                <a:gd name="T81" fmla="*/ 528637 h 537"/>
                <a:gd name="T82" fmla="*/ 0 w 551"/>
                <a:gd name="T83" fmla="*/ 379412 h 537"/>
                <a:gd name="T84" fmla="*/ 9525 w 551"/>
                <a:gd name="T85" fmla="*/ 404812 h 537"/>
                <a:gd name="T86" fmla="*/ 46037 w 551"/>
                <a:gd name="T87" fmla="*/ 368300 h 537"/>
                <a:gd name="T88" fmla="*/ 79375 w 551"/>
                <a:gd name="T89" fmla="*/ 219075 h 537"/>
                <a:gd name="T90" fmla="*/ 182562 w 551"/>
                <a:gd name="T91" fmla="*/ 103187 h 537"/>
                <a:gd name="T92" fmla="*/ 265112 w 551"/>
                <a:gd name="T93" fmla="*/ 57150 h 537"/>
                <a:gd name="T94" fmla="*/ 311150 w 551"/>
                <a:gd name="T95" fmla="*/ 23812 h 537"/>
                <a:gd name="T96" fmla="*/ 0 1 256"/>
                <a:gd name="T97" fmla="*/ 0 1 256"/>
                <a:gd name="T98" fmla="*/ 0 1 256"/>
                <a:gd name="T99" fmla="*/ 0 1 256"/>
                <a:gd name="T100" fmla="*/ 0 1 256"/>
                <a:gd name="T101" fmla="*/ 0 1 256"/>
                <a:gd name="T102" fmla="*/ 0 1 256"/>
                <a:gd name="T103" fmla="*/ 0 1 256"/>
                <a:gd name="T104" fmla="*/ 0 1 256"/>
                <a:gd name="T105" fmla="*/ 0 1 256"/>
                <a:gd name="T106" fmla="*/ 0 1 256"/>
                <a:gd name="T107" fmla="*/ 0 1 256"/>
                <a:gd name="T108" fmla="*/ 0 1 256"/>
                <a:gd name="T109" fmla="*/ 0 1 256"/>
                <a:gd name="T110" fmla="*/ 0 1 256"/>
                <a:gd name="T111" fmla="*/ 0 1 256"/>
                <a:gd name="T112" fmla="*/ 0 1 256"/>
                <a:gd name="T113" fmla="*/ 0 1 256"/>
                <a:gd name="T114" fmla="*/ 0 1 256"/>
                <a:gd name="T115" fmla="*/ 0 1 256"/>
                <a:gd name="T116" fmla="*/ 0 1 256"/>
                <a:gd name="T117" fmla="*/ 0 1 256"/>
                <a:gd name="T118" fmla="*/ 0 1 256"/>
                <a:gd name="T119" fmla="*/ 0 1 256"/>
                <a:gd name="T120" fmla="*/ 0 1 256"/>
                <a:gd name="T121" fmla="*/ 0 1 256"/>
                <a:gd name="T122" fmla="*/ 0 1 256"/>
                <a:gd name="T123" fmla="*/ 0 1 256"/>
                <a:gd name="T124" fmla="*/ 0 1 256"/>
                <a:gd name="T125" fmla="*/ 0 1 256"/>
                <a:gd name="T126" fmla="*/ 0 1 256"/>
                <a:gd name="T127" fmla="*/ 0 1 256"/>
                <a:gd name="T128" fmla="*/ 0 1 256"/>
                <a:gd name="T129" fmla="*/ 0 1 256"/>
                <a:gd name="T130" fmla="*/ 0 1 256"/>
                <a:gd name="T131" fmla="*/ 0 1 256"/>
                <a:gd name="T132" fmla="*/ 0 1 256"/>
                <a:gd name="T133" fmla="*/ 0 1 256"/>
                <a:gd name="T134" fmla="*/ 0 1 256"/>
                <a:gd name="T135" fmla="*/ 0 1 256"/>
                <a:gd name="T136" fmla="*/ 0 1 256"/>
                <a:gd name="T137" fmla="*/ 0 1 256"/>
                <a:gd name="T138" fmla="*/ 0 1 256"/>
                <a:gd name="T139" fmla="*/ 0 1 256"/>
                <a:gd name="T140" fmla="*/ 0 1 256"/>
                <a:gd name="T141" fmla="*/ 0 1 256"/>
                <a:gd name="T142" fmla="*/ 0 1 256"/>
                <a:gd name="T143" fmla="*/ 0 1 256"/>
                <a:gd name="T144" fmla="*/ 0 w 551"/>
                <a:gd name="T145" fmla="*/ 0 h 537"/>
                <a:gd name="T146" fmla="*/ 0 w 551"/>
                <a:gd name="T147" fmla="*/ 0 h 537"/>
              </a:gdLst>
              <a:ahLst/>
              <a:cxnLst>
                <a:cxn ang="T96">
                  <a:pos x="T0" y="T1"/>
                </a:cxn>
                <a:cxn ang="T97">
                  <a:pos x="T2" y="T3"/>
                </a:cxn>
                <a:cxn ang="T98">
                  <a:pos x="T4" y="T5"/>
                </a:cxn>
                <a:cxn ang="T99">
                  <a:pos x="T6" y="T7"/>
                </a:cxn>
                <a:cxn ang="T100">
                  <a:pos x="T8" y="T9"/>
                </a:cxn>
                <a:cxn ang="T101">
                  <a:pos x="T10" y="T11"/>
                </a:cxn>
                <a:cxn ang="T102">
                  <a:pos x="T12" y="T13"/>
                </a:cxn>
                <a:cxn ang="T103">
                  <a:pos x="T14" y="T15"/>
                </a:cxn>
                <a:cxn ang="T104">
                  <a:pos x="T16" y="T17"/>
                </a:cxn>
                <a:cxn ang="T105">
                  <a:pos x="T18" y="T19"/>
                </a:cxn>
                <a:cxn ang="T106">
                  <a:pos x="T20" y="T21"/>
                </a:cxn>
                <a:cxn ang="T107">
                  <a:pos x="T22" y="T23"/>
                </a:cxn>
                <a:cxn ang="T108">
                  <a:pos x="T24" y="T25"/>
                </a:cxn>
                <a:cxn ang="T109">
                  <a:pos x="T26" y="T27"/>
                </a:cxn>
                <a:cxn ang="T110">
                  <a:pos x="T28" y="T29"/>
                </a:cxn>
                <a:cxn ang="T111">
                  <a:pos x="T30" y="T31"/>
                </a:cxn>
                <a:cxn ang="T112">
                  <a:pos x="T32" y="T33"/>
                </a:cxn>
                <a:cxn ang="T113">
                  <a:pos x="T34" y="T35"/>
                </a:cxn>
                <a:cxn ang="T114">
                  <a:pos x="T36" y="T37"/>
                </a:cxn>
                <a:cxn ang="T115">
                  <a:pos x="T38" y="T39"/>
                </a:cxn>
                <a:cxn ang="T116">
                  <a:pos x="T40" y="T41"/>
                </a:cxn>
                <a:cxn ang="T117">
                  <a:pos x="T42" y="T43"/>
                </a:cxn>
                <a:cxn ang="T118">
                  <a:pos x="T44" y="T45"/>
                </a:cxn>
                <a:cxn ang="T119">
                  <a:pos x="T46" y="T47"/>
                </a:cxn>
                <a:cxn ang="T120">
                  <a:pos x="T48" y="T49"/>
                </a:cxn>
                <a:cxn ang="T121">
                  <a:pos x="T50" y="T51"/>
                </a:cxn>
                <a:cxn ang="T122">
                  <a:pos x="T52" y="T53"/>
                </a:cxn>
                <a:cxn ang="T123">
                  <a:pos x="T54" y="T55"/>
                </a:cxn>
                <a:cxn ang="T124">
                  <a:pos x="T56" y="T57"/>
                </a:cxn>
                <a:cxn ang="T125">
                  <a:pos x="T58" y="T59"/>
                </a:cxn>
                <a:cxn ang="T126">
                  <a:pos x="T60" y="T61"/>
                </a:cxn>
                <a:cxn ang="T127">
                  <a:pos x="T62" y="T63"/>
                </a:cxn>
                <a:cxn ang="T128">
                  <a:pos x="T64" y="T65"/>
                </a:cxn>
                <a:cxn ang="T129">
                  <a:pos x="T66" y="T67"/>
                </a:cxn>
                <a:cxn ang="T130">
                  <a:pos x="T68" y="T69"/>
                </a:cxn>
                <a:cxn ang="T131">
                  <a:pos x="T70" y="T71"/>
                </a:cxn>
                <a:cxn ang="T132">
                  <a:pos x="T72" y="T73"/>
                </a:cxn>
                <a:cxn ang="T133">
                  <a:pos x="T74" y="T75"/>
                </a:cxn>
                <a:cxn ang="T134">
                  <a:pos x="T76" y="T77"/>
                </a:cxn>
                <a:cxn ang="T135">
                  <a:pos x="T78" y="T79"/>
                </a:cxn>
                <a:cxn ang="T136">
                  <a:pos x="T80" y="T81"/>
                </a:cxn>
                <a:cxn ang="T137">
                  <a:pos x="T82" y="T83"/>
                </a:cxn>
                <a:cxn ang="T138">
                  <a:pos x="T84" y="T85"/>
                </a:cxn>
                <a:cxn ang="T139">
                  <a:pos x="T86" y="T87"/>
                </a:cxn>
                <a:cxn ang="T140">
                  <a:pos x="T88" y="T89"/>
                </a:cxn>
                <a:cxn ang="T141">
                  <a:pos x="T90" y="T91"/>
                </a:cxn>
                <a:cxn ang="T142">
                  <a:pos x="T92" y="T93"/>
                </a:cxn>
                <a:cxn ang="T143">
                  <a:pos x="T94" y="T95"/>
                </a:cxn>
              </a:cxnLst>
              <a:rect l="T144" t="T145" r="T146" b="T147"/>
              <a:pathLst>
                <a:path w="551" h="537">
                  <a:moveTo>
                    <a:pt x="196" y="15"/>
                  </a:moveTo>
                  <a:lnTo>
                    <a:pt x="202" y="7"/>
                  </a:lnTo>
                  <a:lnTo>
                    <a:pt x="217" y="0"/>
                  </a:lnTo>
                  <a:lnTo>
                    <a:pt x="209" y="7"/>
                  </a:lnTo>
                  <a:lnTo>
                    <a:pt x="196" y="30"/>
                  </a:lnTo>
                  <a:lnTo>
                    <a:pt x="167" y="59"/>
                  </a:lnTo>
                  <a:lnTo>
                    <a:pt x="136" y="80"/>
                  </a:lnTo>
                  <a:lnTo>
                    <a:pt x="108" y="117"/>
                  </a:lnTo>
                  <a:lnTo>
                    <a:pt x="86" y="174"/>
                  </a:lnTo>
                  <a:lnTo>
                    <a:pt x="71" y="211"/>
                  </a:lnTo>
                  <a:lnTo>
                    <a:pt x="71" y="247"/>
                  </a:lnTo>
                  <a:lnTo>
                    <a:pt x="86" y="312"/>
                  </a:lnTo>
                  <a:lnTo>
                    <a:pt x="115" y="364"/>
                  </a:lnTo>
                  <a:lnTo>
                    <a:pt x="152" y="399"/>
                  </a:lnTo>
                  <a:lnTo>
                    <a:pt x="196" y="435"/>
                  </a:lnTo>
                  <a:lnTo>
                    <a:pt x="253" y="451"/>
                  </a:lnTo>
                  <a:lnTo>
                    <a:pt x="303" y="458"/>
                  </a:lnTo>
                  <a:lnTo>
                    <a:pt x="355" y="451"/>
                  </a:lnTo>
                  <a:lnTo>
                    <a:pt x="392" y="435"/>
                  </a:lnTo>
                  <a:lnTo>
                    <a:pt x="434" y="378"/>
                  </a:lnTo>
                  <a:lnTo>
                    <a:pt x="442" y="356"/>
                  </a:lnTo>
                  <a:lnTo>
                    <a:pt x="442" y="312"/>
                  </a:lnTo>
                  <a:lnTo>
                    <a:pt x="434" y="284"/>
                  </a:lnTo>
                  <a:lnTo>
                    <a:pt x="405" y="226"/>
                  </a:lnTo>
                  <a:lnTo>
                    <a:pt x="413" y="226"/>
                  </a:lnTo>
                  <a:lnTo>
                    <a:pt x="442" y="255"/>
                  </a:lnTo>
                  <a:lnTo>
                    <a:pt x="442" y="232"/>
                  </a:lnTo>
                  <a:lnTo>
                    <a:pt x="392" y="182"/>
                  </a:lnTo>
                  <a:lnTo>
                    <a:pt x="405" y="182"/>
                  </a:lnTo>
                  <a:lnTo>
                    <a:pt x="463" y="247"/>
                  </a:lnTo>
                  <a:lnTo>
                    <a:pt x="470" y="276"/>
                  </a:lnTo>
                  <a:lnTo>
                    <a:pt x="478" y="297"/>
                  </a:lnTo>
                  <a:lnTo>
                    <a:pt x="478" y="320"/>
                  </a:lnTo>
                  <a:lnTo>
                    <a:pt x="463" y="370"/>
                  </a:lnTo>
                  <a:lnTo>
                    <a:pt x="470" y="370"/>
                  </a:lnTo>
                  <a:lnTo>
                    <a:pt x="470" y="364"/>
                  </a:lnTo>
                  <a:lnTo>
                    <a:pt x="486" y="341"/>
                  </a:lnTo>
                  <a:lnTo>
                    <a:pt x="499" y="312"/>
                  </a:lnTo>
                  <a:lnTo>
                    <a:pt x="499" y="291"/>
                  </a:lnTo>
                  <a:lnTo>
                    <a:pt x="499" y="262"/>
                  </a:lnTo>
                  <a:lnTo>
                    <a:pt x="478" y="211"/>
                  </a:lnTo>
                  <a:lnTo>
                    <a:pt x="457" y="166"/>
                  </a:lnTo>
                  <a:lnTo>
                    <a:pt x="463" y="161"/>
                  </a:lnTo>
                  <a:lnTo>
                    <a:pt x="470" y="153"/>
                  </a:lnTo>
                  <a:lnTo>
                    <a:pt x="442" y="124"/>
                  </a:lnTo>
                  <a:lnTo>
                    <a:pt x="405" y="101"/>
                  </a:lnTo>
                  <a:lnTo>
                    <a:pt x="355" y="95"/>
                  </a:lnTo>
                  <a:lnTo>
                    <a:pt x="332" y="88"/>
                  </a:lnTo>
                  <a:lnTo>
                    <a:pt x="311" y="80"/>
                  </a:lnTo>
                  <a:lnTo>
                    <a:pt x="326" y="80"/>
                  </a:lnTo>
                  <a:lnTo>
                    <a:pt x="369" y="65"/>
                  </a:lnTo>
                  <a:lnTo>
                    <a:pt x="332" y="65"/>
                  </a:lnTo>
                  <a:lnTo>
                    <a:pt x="332" y="51"/>
                  </a:lnTo>
                  <a:lnTo>
                    <a:pt x="369" y="51"/>
                  </a:lnTo>
                  <a:lnTo>
                    <a:pt x="457" y="95"/>
                  </a:lnTo>
                  <a:lnTo>
                    <a:pt x="493" y="124"/>
                  </a:lnTo>
                  <a:lnTo>
                    <a:pt x="522" y="161"/>
                  </a:lnTo>
                  <a:lnTo>
                    <a:pt x="543" y="211"/>
                  </a:lnTo>
                  <a:lnTo>
                    <a:pt x="551" y="268"/>
                  </a:lnTo>
                  <a:lnTo>
                    <a:pt x="543" y="312"/>
                  </a:lnTo>
                  <a:lnTo>
                    <a:pt x="528" y="370"/>
                  </a:lnTo>
                  <a:lnTo>
                    <a:pt x="507" y="422"/>
                  </a:lnTo>
                  <a:lnTo>
                    <a:pt x="470" y="464"/>
                  </a:lnTo>
                  <a:lnTo>
                    <a:pt x="434" y="495"/>
                  </a:lnTo>
                  <a:lnTo>
                    <a:pt x="397" y="516"/>
                  </a:lnTo>
                  <a:lnTo>
                    <a:pt x="355" y="531"/>
                  </a:lnTo>
                  <a:lnTo>
                    <a:pt x="303" y="537"/>
                  </a:lnTo>
                  <a:lnTo>
                    <a:pt x="246" y="537"/>
                  </a:lnTo>
                  <a:lnTo>
                    <a:pt x="188" y="523"/>
                  </a:lnTo>
                  <a:lnTo>
                    <a:pt x="131" y="500"/>
                  </a:lnTo>
                  <a:lnTo>
                    <a:pt x="79" y="464"/>
                  </a:lnTo>
                  <a:lnTo>
                    <a:pt x="36" y="422"/>
                  </a:lnTo>
                  <a:lnTo>
                    <a:pt x="0" y="356"/>
                  </a:lnTo>
                  <a:lnTo>
                    <a:pt x="29" y="385"/>
                  </a:lnTo>
                  <a:lnTo>
                    <a:pt x="50" y="429"/>
                  </a:lnTo>
                  <a:lnTo>
                    <a:pt x="58" y="435"/>
                  </a:lnTo>
                  <a:lnTo>
                    <a:pt x="58" y="429"/>
                  </a:lnTo>
                  <a:lnTo>
                    <a:pt x="65" y="429"/>
                  </a:lnTo>
                  <a:lnTo>
                    <a:pt x="71" y="429"/>
                  </a:lnTo>
                  <a:lnTo>
                    <a:pt x="71" y="435"/>
                  </a:lnTo>
                  <a:lnTo>
                    <a:pt x="42" y="393"/>
                  </a:lnTo>
                  <a:lnTo>
                    <a:pt x="21" y="333"/>
                  </a:lnTo>
                  <a:lnTo>
                    <a:pt x="0" y="276"/>
                  </a:lnTo>
                  <a:lnTo>
                    <a:pt x="0" y="239"/>
                  </a:lnTo>
                  <a:lnTo>
                    <a:pt x="0" y="197"/>
                  </a:lnTo>
                  <a:lnTo>
                    <a:pt x="6" y="255"/>
                  </a:lnTo>
                  <a:lnTo>
                    <a:pt x="29" y="297"/>
                  </a:lnTo>
                  <a:lnTo>
                    <a:pt x="29" y="232"/>
                  </a:lnTo>
                  <a:lnTo>
                    <a:pt x="36" y="166"/>
                  </a:lnTo>
                  <a:lnTo>
                    <a:pt x="50" y="138"/>
                  </a:lnTo>
                  <a:lnTo>
                    <a:pt x="71" y="109"/>
                  </a:lnTo>
                  <a:lnTo>
                    <a:pt x="115" y="65"/>
                  </a:lnTo>
                  <a:lnTo>
                    <a:pt x="144" y="51"/>
                  </a:lnTo>
                  <a:lnTo>
                    <a:pt x="167" y="36"/>
                  </a:lnTo>
                  <a:lnTo>
                    <a:pt x="188" y="15"/>
                  </a:lnTo>
                  <a:lnTo>
                    <a:pt x="196" y="15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34" name="フリーフォーム 33"/>
            <p:cNvSpPr>
              <a:spLocks/>
            </p:cNvSpPr>
            <p:nvPr/>
          </p:nvSpPr>
          <p:spPr bwMode="auto">
            <a:xfrm>
              <a:off x="6715140" y="5214950"/>
              <a:ext cx="431310" cy="71438"/>
            </a:xfrm>
            <a:custGeom>
              <a:avLst/>
              <a:gdLst>
                <a:gd name="T0" fmla="*/ 0 w 232"/>
                <a:gd name="T1" fmla="*/ 0 h 44"/>
                <a:gd name="T2" fmla="*/ 196850 w 232"/>
                <a:gd name="T3" fmla="*/ 12700 h 44"/>
                <a:gd name="T4" fmla="*/ 301625 w 232"/>
                <a:gd name="T5" fmla="*/ 36513 h 44"/>
                <a:gd name="T6" fmla="*/ 334963 w 232"/>
                <a:gd name="T7" fmla="*/ 46038 h 44"/>
                <a:gd name="T8" fmla="*/ 358775 w 232"/>
                <a:gd name="T9" fmla="*/ 58738 h 44"/>
                <a:gd name="T10" fmla="*/ 368300 w 232"/>
                <a:gd name="T11" fmla="*/ 69850 h 44"/>
                <a:gd name="T12" fmla="*/ 346075 w 232"/>
                <a:gd name="T13" fmla="*/ 69850 h 44"/>
                <a:gd name="T14" fmla="*/ 288925 w 232"/>
                <a:gd name="T15" fmla="*/ 46038 h 44"/>
                <a:gd name="T16" fmla="*/ 219075 w 232"/>
                <a:gd name="T17" fmla="*/ 36513 h 44"/>
                <a:gd name="T18" fmla="*/ 219075 w 232"/>
                <a:gd name="T19" fmla="*/ 46038 h 44"/>
                <a:gd name="T20" fmla="*/ 242888 w 232"/>
                <a:gd name="T21" fmla="*/ 69850 h 44"/>
                <a:gd name="T22" fmla="*/ 219075 w 232"/>
                <a:gd name="T23" fmla="*/ 69850 h 44"/>
                <a:gd name="T24" fmla="*/ 196850 w 232"/>
                <a:gd name="T25" fmla="*/ 58738 h 44"/>
                <a:gd name="T26" fmla="*/ 173038 w 232"/>
                <a:gd name="T27" fmla="*/ 46038 h 44"/>
                <a:gd name="T28" fmla="*/ 11113 w 232"/>
                <a:gd name="T29" fmla="*/ 0 h 44"/>
                <a:gd name="T30" fmla="*/ 0 w 232"/>
                <a:gd name="T31" fmla="*/ 0 h 44"/>
                <a:gd name="T32" fmla="*/ 0 1 256"/>
                <a:gd name="T33" fmla="*/ 0 1 256"/>
                <a:gd name="T34" fmla="*/ 0 1 256"/>
                <a:gd name="T35" fmla="*/ 0 1 256"/>
                <a:gd name="T36" fmla="*/ 0 1 256"/>
                <a:gd name="T37" fmla="*/ 0 1 256"/>
                <a:gd name="T38" fmla="*/ 0 1 256"/>
                <a:gd name="T39" fmla="*/ 0 1 256"/>
                <a:gd name="T40" fmla="*/ 0 1 256"/>
                <a:gd name="T41" fmla="*/ 0 1 256"/>
                <a:gd name="T42" fmla="*/ 0 1 256"/>
                <a:gd name="T43" fmla="*/ 0 1 256"/>
                <a:gd name="T44" fmla="*/ 0 1 256"/>
                <a:gd name="T45" fmla="*/ 0 1 256"/>
                <a:gd name="T46" fmla="*/ 0 1 256"/>
                <a:gd name="T47" fmla="*/ 0 1 256"/>
                <a:gd name="T48" fmla="*/ 0 w 232"/>
                <a:gd name="T49" fmla="*/ 0 h 44"/>
                <a:gd name="T50" fmla="*/ 0 w 232"/>
                <a:gd name="T51" fmla="*/ 0 h 44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T48" t="T49" r="T50" b="T51"/>
              <a:pathLst>
                <a:path w="232" h="44">
                  <a:moveTo>
                    <a:pt x="0" y="0"/>
                  </a:moveTo>
                  <a:lnTo>
                    <a:pt x="124" y="8"/>
                  </a:lnTo>
                  <a:lnTo>
                    <a:pt x="190" y="23"/>
                  </a:lnTo>
                  <a:lnTo>
                    <a:pt x="211" y="29"/>
                  </a:lnTo>
                  <a:lnTo>
                    <a:pt x="226" y="37"/>
                  </a:lnTo>
                  <a:lnTo>
                    <a:pt x="232" y="44"/>
                  </a:lnTo>
                  <a:lnTo>
                    <a:pt x="218" y="44"/>
                  </a:lnTo>
                  <a:lnTo>
                    <a:pt x="182" y="29"/>
                  </a:lnTo>
                  <a:lnTo>
                    <a:pt x="138" y="23"/>
                  </a:lnTo>
                  <a:lnTo>
                    <a:pt x="138" y="29"/>
                  </a:lnTo>
                  <a:lnTo>
                    <a:pt x="153" y="44"/>
                  </a:lnTo>
                  <a:lnTo>
                    <a:pt x="138" y="44"/>
                  </a:lnTo>
                  <a:lnTo>
                    <a:pt x="124" y="37"/>
                  </a:lnTo>
                  <a:lnTo>
                    <a:pt x="109" y="29"/>
                  </a:lnTo>
                  <a:lnTo>
                    <a:pt x="7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  <p:sp>
          <p:nvSpPr>
            <p:cNvPr id="35" name="フリーフォーム 34"/>
            <p:cNvSpPr>
              <a:spLocks/>
            </p:cNvSpPr>
            <p:nvPr/>
          </p:nvSpPr>
          <p:spPr bwMode="auto">
            <a:xfrm>
              <a:off x="6786578" y="5357826"/>
              <a:ext cx="232643" cy="71242"/>
            </a:xfrm>
            <a:custGeom>
              <a:avLst/>
              <a:gdLst>
                <a:gd name="T0" fmla="*/ 0 w 94"/>
                <a:gd name="T1" fmla="*/ 0 h 29"/>
                <a:gd name="T2" fmla="*/ 82550 w 94"/>
                <a:gd name="T3" fmla="*/ 12700 h 29"/>
                <a:gd name="T4" fmla="*/ 149225 w 94"/>
                <a:gd name="T5" fmla="*/ 33338 h 29"/>
                <a:gd name="T6" fmla="*/ 149225 w 94"/>
                <a:gd name="T7" fmla="*/ 46038 h 29"/>
                <a:gd name="T8" fmla="*/ 127000 w 94"/>
                <a:gd name="T9" fmla="*/ 46038 h 29"/>
                <a:gd name="T10" fmla="*/ 69850 w 94"/>
                <a:gd name="T11" fmla="*/ 25400 h 29"/>
                <a:gd name="T12" fmla="*/ 11113 w 94"/>
                <a:gd name="T13" fmla="*/ 0 h 29"/>
                <a:gd name="T14" fmla="*/ 0 w 94"/>
                <a:gd name="T15" fmla="*/ 0 h 29"/>
                <a:gd name="T16" fmla="*/ 0 1 256"/>
                <a:gd name="T17" fmla="*/ 0 1 256"/>
                <a:gd name="T18" fmla="*/ 0 1 256"/>
                <a:gd name="T19" fmla="*/ 0 1 256"/>
                <a:gd name="T20" fmla="*/ 0 1 256"/>
                <a:gd name="T21" fmla="*/ 0 1 256"/>
                <a:gd name="T22" fmla="*/ 0 1 256"/>
                <a:gd name="T23" fmla="*/ 0 1 256"/>
                <a:gd name="T24" fmla="*/ 0 w 94"/>
                <a:gd name="T25" fmla="*/ 0 h 29"/>
                <a:gd name="T26" fmla="*/ 0 w 94"/>
                <a:gd name="T27" fmla="*/ 0 h 29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94" h="29">
                  <a:moveTo>
                    <a:pt x="0" y="0"/>
                  </a:moveTo>
                  <a:lnTo>
                    <a:pt x="52" y="8"/>
                  </a:lnTo>
                  <a:lnTo>
                    <a:pt x="94" y="21"/>
                  </a:lnTo>
                  <a:lnTo>
                    <a:pt x="94" y="29"/>
                  </a:lnTo>
                  <a:lnTo>
                    <a:pt x="80" y="29"/>
                  </a:lnTo>
                  <a:lnTo>
                    <a:pt x="44" y="16"/>
                  </a:lnTo>
                  <a:lnTo>
                    <a:pt x="7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9525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pPr marL="0" algn="l" rtl="0" eaLnBrk="1" latinLnBrk="0" hangingPunct="1"/>
              <a:endParaRPr kumimoji="0" lang="ja-JP" altLang="en-US" kern="1200">
                <a:solidFill>
                  <a:srgbClr val="FF0000">
                    <a:alpha val="100000"/>
                  </a:srgbClr>
                </a:solidFill>
                <a:latin typeface="+mn-lt"/>
                <a:ea typeface="+mn-ea"/>
                <a:cs typeface="+mn-cs"/>
              </a:endParaRPr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45" r:id="rId1"/>
    <p:sldLayoutId id="2147483746" r:id="rId2"/>
    <p:sldLayoutId id="2147483747" r:id="rId3"/>
    <p:sldLayoutId id="2147483748" r:id="rId4"/>
    <p:sldLayoutId id="2147483749" r:id="rId5"/>
    <p:sldLayoutId id="2147483750" r:id="rId6"/>
    <p:sldLayoutId id="2147483751" r:id="rId7"/>
    <p:sldLayoutId id="2147483752" r:id="rId8"/>
    <p:sldLayoutId id="2147483753" r:id="rId9"/>
    <p:sldLayoutId id="2147483754" r:id="rId10"/>
    <p:sldLayoutId id="2147483755" r:id="rId11"/>
  </p:sldLayoutIdLst>
  <p:txStyles>
    <p:titleStyle>
      <a:lvl1pPr algn="ctr" rtl="0" eaLnBrk="1" latinLnBrk="0" hangingPunct="1">
        <a:spcBef>
          <a:spcPct val="0"/>
        </a:spcBef>
        <a:buNone/>
        <a:defRPr kumimoji="1" sz="4400" baseline="0">
          <a:ln>
            <a:noFill/>
          </a:ln>
          <a:solidFill>
            <a:schemeClr val="tx2"/>
          </a:solidFill>
          <a:effectLst>
            <a:glow rad="101600">
              <a:schemeClr val="bg2">
                <a:tint val="20000"/>
                <a:alpha val="60000"/>
              </a:schemeClr>
            </a:glow>
            <a:outerShdw blurRad="50800" dist="50800" dir="2700000" algn="tl" rotWithShape="0">
              <a:srgbClr val="000000">
                <a:alpha val="43137"/>
              </a:srgbClr>
            </a:outerShdw>
          </a:effectLst>
          <a:latin typeface="+mj-lt"/>
          <a:ea typeface="+mj-ea"/>
          <a:cs typeface="+mj-cs"/>
        </a:defRPr>
      </a:lvl1pPr>
    </p:titleStyle>
    <p:bodyStyle>
      <a:lvl1pPr marL="342900" indent="-342900" algn="l" rtl="0" eaLnBrk="1" latinLnBrk="0" hangingPunct="1">
        <a:spcBef>
          <a:spcPct val="20000"/>
        </a:spcBef>
        <a:buClr>
          <a:srgbClr val="C00000"/>
        </a:buClr>
        <a:buSzPct val="80000"/>
        <a:buFont typeface="Wingdings"/>
        <a:buChar char="l"/>
        <a:defRPr kumimoji="1" sz="3200" baseline="0">
          <a:solidFill>
            <a:schemeClr val="tx2"/>
          </a:solidFill>
          <a:latin typeface="+mn-lt"/>
          <a:ea typeface="+mn-ea"/>
          <a:cs typeface="+mn-cs"/>
        </a:defRPr>
      </a:lvl1pPr>
      <a:lvl2pPr marL="742950" indent="-285750" algn="l" rtl="0" eaLnBrk="1" latinLnBrk="0" hangingPunct="1">
        <a:spcBef>
          <a:spcPct val="20000"/>
        </a:spcBef>
        <a:buClr>
          <a:srgbClr val="C00000"/>
        </a:buClr>
        <a:buSzPct val="65000"/>
        <a:buFont typeface="Wingdings"/>
        <a:buChar char="l"/>
        <a:defRPr kumimoji="1" sz="2800" baseline="0">
          <a:solidFill>
            <a:schemeClr val="tx2"/>
          </a:solidFill>
          <a:latin typeface="+mn-lt"/>
          <a:ea typeface="+mn-ea"/>
          <a:cs typeface="+mn-cs"/>
        </a:defRPr>
      </a:lvl2pPr>
      <a:lvl3pPr marL="1143000" indent="-228600" algn="l" rtl="0" eaLnBrk="1" latinLnBrk="0" hangingPunct="1">
        <a:spcBef>
          <a:spcPct val="20000"/>
        </a:spcBef>
        <a:buClr>
          <a:srgbClr val="C00000"/>
        </a:buClr>
        <a:buSzPct val="60000"/>
        <a:buFont typeface="Wingdings"/>
        <a:buChar char="l"/>
        <a:defRPr kumimoji="1" sz="2400" baseline="0">
          <a:solidFill>
            <a:schemeClr val="tx2"/>
          </a:solidFill>
          <a:latin typeface="+mn-lt"/>
          <a:ea typeface="+mn-ea"/>
          <a:cs typeface="+mn-cs"/>
        </a:defRPr>
      </a:lvl3pPr>
      <a:lvl4pPr marL="1600200" indent="-228600" algn="l" rtl="0" eaLnBrk="1" latinLnBrk="0" hangingPunct="1">
        <a:spcBef>
          <a:spcPct val="20000"/>
        </a:spcBef>
        <a:buClr>
          <a:schemeClr val="accent1"/>
        </a:buClr>
        <a:buSzPct val="60000"/>
        <a:buFont typeface="Wingdings"/>
        <a:buChar char="l"/>
        <a:defRPr kumimoji="1" sz="2000" baseline="0">
          <a:solidFill>
            <a:schemeClr val="tx2"/>
          </a:solidFill>
          <a:latin typeface="+mn-lt"/>
          <a:ea typeface="+mn-ea"/>
          <a:cs typeface="+mn-cs"/>
        </a:defRPr>
      </a:lvl4pPr>
      <a:lvl5pPr marL="2057400" indent="-228600" algn="l" rtl="0" eaLnBrk="1" latinLnBrk="0" hangingPunct="1">
        <a:spcBef>
          <a:spcPct val="20000"/>
        </a:spcBef>
        <a:buClr>
          <a:schemeClr val="accent1"/>
        </a:buClr>
        <a:buSzPct val="55000"/>
        <a:buFont typeface="Wingdings"/>
        <a:buChar char="l"/>
        <a:defRPr kumimoji="1" sz="2000" baseline="0">
          <a:solidFill>
            <a:schemeClr val="tx2"/>
          </a:solidFill>
          <a:latin typeface="+mn-lt"/>
          <a:ea typeface="+mn-ea"/>
          <a:cs typeface="+mn-cs"/>
        </a:defRPr>
      </a:lvl5pPr>
      <a:lvl6pPr marL="2514600" indent="-228600" algn="l" rtl="0" eaLnBrk="1" latinLnBrk="0" hangingPunct="1">
        <a:spcBef>
          <a:spcPct val="20000"/>
        </a:spcBef>
        <a:buClr>
          <a:schemeClr val="accent1"/>
        </a:buClr>
        <a:buSzPct val="50000"/>
        <a:buFont typeface="Wingdings"/>
        <a:buChar char="l"/>
        <a:defRPr kumimoji="1" sz="1900">
          <a:solidFill>
            <a:schemeClr val="accent1">
              <a:shade val="50000"/>
            </a:schemeClr>
          </a:solidFill>
          <a:latin typeface="+mn-lt"/>
          <a:ea typeface="+mn-ea"/>
          <a:cs typeface="+mn-cs"/>
        </a:defRPr>
      </a:lvl6pPr>
      <a:lvl7pPr marL="2971800" indent="-228600" algn="l" rtl="0" eaLnBrk="1" latinLnBrk="0" hangingPunct="1">
        <a:spcBef>
          <a:spcPct val="20000"/>
        </a:spcBef>
        <a:buClr>
          <a:schemeClr val="tx2"/>
        </a:buClr>
        <a:buSzPct val="50000"/>
        <a:buFont typeface="Wingdings"/>
        <a:buChar char="l"/>
        <a:defRPr kumimoji="1" lang="ja-JP" altLang="en-US" sz="1600" smtClean="0">
          <a:solidFill>
            <a:schemeClr val="accent1">
              <a:shade val="50000"/>
            </a:schemeClr>
          </a:solidFill>
          <a:latin typeface="+mn-lt"/>
          <a:ea typeface="+mn-ea"/>
          <a:cs typeface="+mn-cs"/>
        </a:defRPr>
      </a:lvl7pPr>
      <a:lvl8pPr marL="3429000" indent="-228600" algn="l" rtl="0" eaLnBrk="1" latinLnBrk="0" hangingPunct="1">
        <a:spcBef>
          <a:spcPct val="20000"/>
        </a:spcBef>
        <a:buClr>
          <a:schemeClr val="tx2"/>
        </a:buClr>
        <a:buSzPct val="50000"/>
        <a:buFont typeface="Wingdings"/>
        <a:buChar char="l"/>
        <a:defRPr kumimoji="1" lang="ja-JP" altLang="en-US" sz="1600" smtClean="0">
          <a:solidFill>
            <a:schemeClr val="accent1">
              <a:shade val="50000"/>
            </a:schemeClr>
          </a:solidFill>
          <a:latin typeface="+mn-lt"/>
          <a:ea typeface="+mn-ea"/>
          <a:cs typeface="+mn-cs"/>
        </a:defRPr>
      </a:lvl8pPr>
      <a:lvl9pPr marL="3886200" indent="-228600" algn="l" rtl="0" eaLnBrk="1" latinLnBrk="0" hangingPunct="1">
        <a:spcBef>
          <a:spcPct val="20000"/>
        </a:spcBef>
        <a:buClr>
          <a:schemeClr val="tx2"/>
        </a:buClr>
        <a:buSzPct val="50000"/>
        <a:buFont typeface="Wingdings"/>
        <a:buChar char="l"/>
        <a:defRPr kumimoji="1" lang="ja-JP" altLang="en-US" sz="1600" smtClean="0">
          <a:solidFill>
            <a:schemeClr val="accent1">
              <a:shade val="50000"/>
            </a:schemeClr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1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571472" y="1500174"/>
            <a:ext cx="7772400" cy="1500198"/>
          </a:xfrm>
        </p:spPr>
        <p:txBody>
          <a:bodyPr>
            <a:normAutofit/>
          </a:bodyPr>
          <a:lstStyle/>
          <a:p>
            <a:r>
              <a:rPr kumimoji="1" lang="ja-JP" altLang="en-US" sz="6000" dirty="0" smtClean="0"/>
              <a:t>学習動機の調査</a:t>
            </a:r>
            <a:endParaRPr kumimoji="1" lang="ja-JP" altLang="en-US" sz="6000" dirty="0"/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285852" y="4214818"/>
            <a:ext cx="6129358" cy="1828816"/>
          </a:xfrm>
        </p:spPr>
        <p:txBody>
          <a:bodyPr numCol="1">
            <a:normAutofit/>
          </a:bodyPr>
          <a:lstStyle/>
          <a:p>
            <a:r>
              <a:rPr lang="ja-JP" altLang="en-US" sz="2800" dirty="0" smtClean="0"/>
              <a:t>日下健　西原直人</a:t>
            </a:r>
            <a:endParaRPr lang="en-US" altLang="ja-JP" sz="2800" dirty="0"/>
          </a:p>
          <a:p>
            <a:r>
              <a:rPr lang="ja-JP" altLang="en-US" sz="2800" dirty="0" smtClean="0"/>
              <a:t>津川眞希　吉田優駿</a:t>
            </a:r>
            <a:endParaRPr lang="en-US" altLang="ja-JP" sz="2800" dirty="0" smtClean="0"/>
          </a:p>
          <a:p>
            <a:r>
              <a:rPr lang="ja-JP" altLang="en-US" sz="2800" dirty="0" smtClean="0"/>
              <a:t>山下剛史</a:t>
            </a:r>
            <a:endParaRPr lang="en-US" altLang="ja-JP" sz="2800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title"/>
          </p:nvPr>
        </p:nvSpPr>
        <p:spPr>
          <a:xfrm>
            <a:off x="428596" y="0"/>
            <a:ext cx="8229600" cy="1143000"/>
          </a:xfrm>
        </p:spPr>
        <p:txBody>
          <a:bodyPr>
            <a:normAutofit/>
          </a:bodyPr>
          <a:lstStyle/>
          <a:p>
            <a:r>
              <a:rPr lang="ja-JP" altLang="en-US" sz="2400" dirty="0" smtClean="0"/>
              <a:t>教職者</a:t>
            </a:r>
            <a:r>
              <a:rPr lang="ja-JP" altLang="en-US" sz="2400" dirty="0" smtClean="0"/>
              <a:t>の</a:t>
            </a:r>
            <a:r>
              <a:rPr lang="ja-JP" altLang="en-US" sz="2400" dirty="0" smtClean="0"/>
              <a:t>学習動機相互の相関</a:t>
            </a:r>
            <a:r>
              <a:rPr lang="ja-JP" altLang="en-US" sz="2400" dirty="0" smtClean="0"/>
              <a:t>関係</a:t>
            </a:r>
            <a:endParaRPr kumimoji="1" lang="ja-JP" altLang="en-US" sz="2400" dirty="0"/>
          </a:p>
        </p:txBody>
      </p:sp>
      <p:sp>
        <p:nvSpPr>
          <p:cNvPr id="5" name="コンテンツ プレースホルダ 4"/>
          <p:cNvSpPr>
            <a:spLocks noGrp="1"/>
          </p:cNvSpPr>
          <p:nvPr>
            <p:ph idx="1"/>
          </p:nvPr>
        </p:nvSpPr>
        <p:spPr>
          <a:xfrm>
            <a:off x="428596" y="5072074"/>
            <a:ext cx="8229600" cy="2086859"/>
          </a:xfrm>
        </p:spPr>
        <p:txBody>
          <a:bodyPr/>
          <a:lstStyle/>
          <a:p>
            <a:pPr>
              <a:buNone/>
            </a:pPr>
            <a:r>
              <a:rPr kumimoji="1" lang="ja-JP" altLang="en-US" dirty="0" smtClean="0"/>
              <a:t>相関が強かった物は訓練</a:t>
            </a:r>
            <a:r>
              <a:rPr kumimoji="1" lang="ja-JP" altLang="en-US" dirty="0" err="1" smtClean="0"/>
              <a:t>ー</a:t>
            </a:r>
            <a:r>
              <a:rPr kumimoji="1" lang="ja-JP" altLang="en-US" dirty="0" smtClean="0"/>
              <a:t>充実など</a:t>
            </a:r>
            <a:endParaRPr kumimoji="1" lang="en-US" altLang="ja-JP" dirty="0" smtClean="0"/>
          </a:p>
        </p:txBody>
      </p:sp>
      <p:graphicFrame>
        <p:nvGraphicFramePr>
          <p:cNvPr id="6" name="表 5"/>
          <p:cNvGraphicFramePr>
            <a:graphicFrameLocks noGrp="1"/>
          </p:cNvGraphicFramePr>
          <p:nvPr/>
        </p:nvGraphicFramePr>
        <p:xfrm>
          <a:off x="357156" y="857231"/>
          <a:ext cx="8143933" cy="4000528"/>
        </p:xfrm>
        <a:graphic>
          <a:graphicData uri="http://schemas.openxmlformats.org/drawingml/2006/table">
            <a:tbl>
              <a:tblPr/>
              <a:tblGrid>
                <a:gridCol w="1163419"/>
                <a:gridCol w="1163419"/>
                <a:gridCol w="1163419"/>
                <a:gridCol w="1163419"/>
                <a:gridCol w="1163419"/>
                <a:gridCol w="1163419"/>
                <a:gridCol w="1163419"/>
              </a:tblGrid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充実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訓練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実用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関係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自尊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報酬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充実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訓練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FF0000"/>
                          </a:solidFill>
                          <a:latin typeface="ＭＳ Ｐゴシック"/>
                        </a:rPr>
                        <a:t>0.6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実用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FF0000"/>
                          </a:solidFill>
                          <a:latin typeface="ＭＳ Ｐゴシック"/>
                        </a:rPr>
                        <a:t>0.53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FF0000"/>
                          </a:solidFill>
                          <a:latin typeface="ＭＳ Ｐゴシック"/>
                        </a:rPr>
                        <a:t>0.51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関係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0070C0"/>
                          </a:solidFill>
                          <a:latin typeface="ＭＳ Ｐゴシック"/>
                        </a:rPr>
                        <a:t>-0.04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0070C0"/>
                          </a:solidFill>
                          <a:latin typeface="ＭＳ Ｐゴシック"/>
                        </a:rPr>
                        <a:t>-0.01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0070C0"/>
                          </a:solidFill>
                          <a:latin typeface="ＭＳ Ｐゴシック"/>
                        </a:rPr>
                        <a:t>0.02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自尊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0.28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0.16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0.12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FF0000"/>
                          </a:solidFill>
                          <a:latin typeface="ＭＳ Ｐゴシック"/>
                        </a:rPr>
                        <a:t>0.5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報酬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0.21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FF0000"/>
                          </a:solidFill>
                          <a:latin typeface="ＭＳ Ｐゴシック"/>
                        </a:rPr>
                        <a:t>0.5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0.26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0.13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0.34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相関表の考察</a:t>
            </a:r>
            <a:endParaRPr kumimoji="1" lang="ja-JP" altLang="en-US" dirty="0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ja-JP" altLang="en-US" dirty="0" smtClean="0"/>
              <a:t>教職者のほうが学生より相関の強いものが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多い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関係</a:t>
            </a:r>
            <a:r>
              <a:rPr kumimoji="1" lang="ja-JP" altLang="en-US" dirty="0" err="1" smtClean="0"/>
              <a:t>ー</a:t>
            </a:r>
            <a:r>
              <a:rPr kumimoji="1" lang="ja-JP" altLang="en-US" dirty="0" smtClean="0"/>
              <a:t>訓練は学生・教職者共に相関は弱い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訓練</a:t>
            </a:r>
            <a:r>
              <a:rPr lang="ja-JP" altLang="en-US" dirty="0" err="1" smtClean="0"/>
              <a:t>ー</a:t>
            </a:r>
            <a:r>
              <a:rPr lang="ja-JP" altLang="en-US" dirty="0" smtClean="0"/>
              <a:t>充実は</a:t>
            </a:r>
            <a:r>
              <a:rPr lang="ja-JP" altLang="en-US" dirty="0" smtClean="0"/>
              <a:t>学生・教職者共に</a:t>
            </a:r>
            <a:r>
              <a:rPr lang="ja-JP" altLang="en-US" dirty="0" smtClean="0"/>
              <a:t>強い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表を見る限り</a:t>
            </a:r>
            <a:r>
              <a:rPr kumimoji="1" lang="ja-JP" altLang="en-US" dirty="0" smtClean="0"/>
              <a:t>教職者は内容の重要性を重視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していることがよくわかる。</a:t>
            </a:r>
            <a:endParaRPr kumimoji="1" lang="en-US" altLang="ja-JP" dirty="0" smtClean="0"/>
          </a:p>
          <a:p>
            <a:pPr>
              <a:buNone/>
            </a:pPr>
            <a:endParaRPr kumimoji="1" lang="en-US" altLang="ja-JP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214282" y="1357298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ja-JP" altLang="en-US" dirty="0" smtClean="0"/>
              <a:t>今後の改良点</a:t>
            </a:r>
            <a:br>
              <a:rPr lang="ja-JP" altLang="en-US" dirty="0" smtClean="0"/>
            </a:br>
            <a:endParaRPr kumimoji="1" lang="ja-JP" altLang="en-US" dirty="0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>
          <a:xfrm>
            <a:off x="214282" y="2714620"/>
            <a:ext cx="8715404" cy="3529036"/>
          </a:xfrm>
        </p:spPr>
        <p:txBody>
          <a:bodyPr>
            <a:normAutofit/>
          </a:bodyPr>
          <a:lstStyle/>
          <a:p>
            <a:pPr algn="ctr">
              <a:buNone/>
            </a:pPr>
            <a:r>
              <a:rPr lang="ja-JP" altLang="en-US" sz="2800" dirty="0" smtClean="0"/>
              <a:t>アンケート実施人数が</a:t>
            </a:r>
            <a:r>
              <a:rPr lang="ja-JP" altLang="en-US" sz="2800" dirty="0" smtClean="0"/>
              <a:t>少なかった</a:t>
            </a:r>
            <a:endParaRPr lang="en-US" altLang="ja-JP" sz="2800" dirty="0" smtClean="0"/>
          </a:p>
          <a:p>
            <a:pPr algn="ctr">
              <a:buNone/>
            </a:pPr>
            <a:endParaRPr kumimoji="1" lang="en-US" altLang="ja-JP" sz="2800" dirty="0" smtClean="0"/>
          </a:p>
          <a:p>
            <a:pPr algn="ctr">
              <a:buNone/>
            </a:pPr>
            <a:r>
              <a:rPr kumimoji="1" lang="ja-JP" altLang="en-US" sz="2800" dirty="0" smtClean="0"/>
              <a:t>男女差や年齢に</a:t>
            </a:r>
            <a:r>
              <a:rPr kumimoji="1" lang="ja-JP" altLang="en-US" sz="2800" dirty="0" smtClean="0"/>
              <a:t>よる違いがあったかどうか　　</a:t>
            </a:r>
            <a:r>
              <a:rPr lang="ja-JP" altLang="en-US" sz="2800" dirty="0" smtClean="0"/>
              <a:t>　　　　　　　</a:t>
            </a:r>
            <a:endParaRPr lang="en-US" altLang="ja-JP" sz="2800" dirty="0" smtClean="0"/>
          </a:p>
          <a:p>
            <a:pPr algn="ctr">
              <a:buNone/>
            </a:pPr>
            <a:endParaRPr lang="en-US" altLang="ja-JP" sz="2800" dirty="0" smtClean="0"/>
          </a:p>
          <a:p>
            <a:pPr algn="ctr">
              <a:buNone/>
            </a:pPr>
            <a:r>
              <a:rPr lang="ja-JP" altLang="en-US" sz="2800" dirty="0" smtClean="0"/>
              <a:t>学生側と教職者側のアンケート内容が同じ点</a:t>
            </a:r>
            <a:endParaRPr kumimoji="1" lang="ja-JP" altLang="en-US" sz="28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42844" y="1214422"/>
            <a:ext cx="8229600" cy="1143000"/>
          </a:xfrm>
        </p:spPr>
        <p:txBody>
          <a:bodyPr>
            <a:normAutofit/>
          </a:bodyPr>
          <a:lstStyle/>
          <a:p>
            <a:r>
              <a:rPr kumimoji="1" lang="ja-JP" altLang="en-US" dirty="0" smtClean="0"/>
              <a:t>このテーマを選んだ動機</a:t>
            </a:r>
            <a:endParaRPr kumimoji="1" lang="ja-JP" altLang="en-US" dirty="0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>
          <a:xfrm>
            <a:off x="500034" y="2285968"/>
            <a:ext cx="8229600" cy="4572032"/>
          </a:xfrm>
        </p:spPr>
        <p:txBody>
          <a:bodyPr>
            <a:normAutofit/>
          </a:bodyPr>
          <a:lstStyle/>
          <a:p>
            <a:pPr>
              <a:buNone/>
            </a:pPr>
            <a:r>
              <a:rPr kumimoji="1" lang="ja-JP" altLang="en-US" sz="2400" dirty="0" smtClean="0"/>
              <a:t>「認知カウンセリングから見た学習方法の相談と指導」</a:t>
            </a:r>
            <a:endParaRPr kumimoji="1" lang="en-US" altLang="ja-JP" sz="2400" dirty="0" smtClean="0"/>
          </a:p>
          <a:p>
            <a:pPr>
              <a:buNone/>
            </a:pPr>
            <a:r>
              <a:rPr kumimoji="1" lang="ja-JP" altLang="en-US" sz="2400" dirty="0" smtClean="0"/>
              <a:t>　１９９８年　市川伸一　プレーン出版社</a:t>
            </a:r>
            <a:endParaRPr kumimoji="1" lang="en-US" altLang="ja-JP" sz="2400" dirty="0" smtClean="0"/>
          </a:p>
          <a:p>
            <a:pPr>
              <a:buNone/>
            </a:pPr>
            <a:r>
              <a:rPr lang="ja-JP" altLang="en-US" sz="2400" dirty="0" smtClean="0"/>
              <a:t>　第４部２章を読み実際に調査してみることにした。</a:t>
            </a:r>
            <a:endParaRPr lang="en-US" altLang="ja-JP" sz="2400" dirty="0" smtClean="0"/>
          </a:p>
          <a:p>
            <a:pPr>
              <a:buNone/>
            </a:pPr>
            <a:r>
              <a:rPr lang="ja-JP" altLang="en-US" sz="2400" dirty="0" smtClean="0"/>
              <a:t>　</a:t>
            </a:r>
            <a:endParaRPr lang="en-US" altLang="ja-JP" sz="2400" dirty="0" smtClean="0"/>
          </a:p>
          <a:p>
            <a:pPr>
              <a:buNone/>
            </a:pPr>
            <a:r>
              <a:rPr lang="ja-JP" altLang="en-US" sz="2400" dirty="0" smtClean="0"/>
              <a:t>　学生と教職者では調査結果にどのような違いが出るか確</a:t>
            </a:r>
            <a:endParaRPr lang="en-US" altLang="ja-JP" sz="2400" dirty="0" smtClean="0"/>
          </a:p>
          <a:p>
            <a:pPr>
              <a:buNone/>
            </a:pPr>
            <a:r>
              <a:rPr lang="ja-JP" altLang="en-US" sz="2400" dirty="0" smtClean="0"/>
              <a:t>　かめるため。</a:t>
            </a:r>
            <a:endParaRPr lang="en-US" altLang="ja-JP" sz="2400" dirty="0" smtClean="0"/>
          </a:p>
          <a:p>
            <a:pPr>
              <a:buNone/>
            </a:pPr>
            <a:endParaRPr lang="en-US" altLang="ja-JP" sz="2400" dirty="0" smtClean="0"/>
          </a:p>
          <a:p>
            <a:pPr>
              <a:buNone/>
            </a:pPr>
            <a:r>
              <a:rPr lang="ja-JP" altLang="en-US" sz="2400" dirty="0" smtClean="0"/>
              <a:t>　</a:t>
            </a:r>
            <a:endParaRPr lang="en-US" altLang="ja-JP" sz="2400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ja-JP" altLang="en-US" sz="3200" dirty="0" smtClean="0"/>
              <a:t>学習動機の２要因</a:t>
            </a:r>
            <a:r>
              <a:rPr lang="ja-JP" altLang="en-US" sz="3200" dirty="0" smtClean="0"/>
              <a:t>モデル</a:t>
            </a:r>
            <a:endParaRPr kumimoji="1" lang="ja-JP" altLang="en-US" sz="3200" dirty="0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pPr>
              <a:buNone/>
            </a:pPr>
            <a:r>
              <a:rPr lang="ja-JP" altLang="en-US" dirty="0" smtClean="0"/>
              <a:t>市川は「勉強は何のためにするのか」という教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科学習の動機や目的についての自由回答</a:t>
            </a:r>
            <a:r>
              <a:rPr kumimoji="1" lang="ja-JP" altLang="en-US" dirty="0" smtClean="0"/>
              <a:t>の結果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を収集して分類し、結果学習動機を６つに分類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しさらに「学習の功利</a:t>
            </a:r>
            <a:r>
              <a:rPr lang="ja-JP" altLang="en-US" dirty="0" smtClean="0"/>
              <a:t>性」</a:t>
            </a:r>
            <a:r>
              <a:rPr kumimoji="1" lang="ja-JP" altLang="en-US" dirty="0" smtClean="0"/>
              <a:t>「学習内容の重要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性」という２つの要因の組合わせによって構造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化した「２要因モデル」を提案した。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今回使用したのはその「２要因モデル」とその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質問形式である。</a:t>
            </a:r>
            <a:r>
              <a:rPr kumimoji="1" lang="ja-JP" altLang="en-US" dirty="0" smtClean="0"/>
              <a:t>　　　　　　　　　　　　　　　　　　　　　　　　　　　　　　　　　　　　　　　　　　　　　　　　　　　　　　</a:t>
            </a:r>
            <a:endParaRPr kumimoji="1"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571472" y="5143512"/>
            <a:ext cx="8229600" cy="1143000"/>
          </a:xfrm>
        </p:spPr>
        <p:txBody>
          <a:bodyPr>
            <a:normAutofit/>
          </a:bodyPr>
          <a:lstStyle/>
          <a:p>
            <a:r>
              <a:rPr kumimoji="1" lang="ja-JP" altLang="en-US" sz="2800" dirty="0" smtClean="0"/>
              <a:t>学習動機の２要因モデル</a:t>
            </a:r>
            <a:endParaRPr kumimoji="1" lang="ja-JP" altLang="en-US" sz="2800" dirty="0"/>
          </a:p>
        </p:txBody>
      </p:sp>
      <p:graphicFrame>
        <p:nvGraphicFramePr>
          <p:cNvPr id="8" name="コンテンツ プレースホルダ 7"/>
          <p:cNvGraphicFramePr>
            <a:graphicFrameLocks noGrp="1"/>
          </p:cNvGraphicFramePr>
          <p:nvPr>
            <p:ph idx="1"/>
          </p:nvPr>
        </p:nvGraphicFramePr>
        <p:xfrm>
          <a:off x="285720" y="230389"/>
          <a:ext cx="8715437" cy="4894703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292439"/>
                <a:gridCol w="292439"/>
                <a:gridCol w="2705322"/>
                <a:gridCol w="2778439"/>
                <a:gridCol w="2646798"/>
              </a:tblGrid>
              <a:tr h="428628">
                <a:tc>
                  <a:txBody>
                    <a:bodyPr/>
                    <a:lstStyle/>
                    <a:p>
                      <a:pPr algn="ctr"/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学習の功利性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dirty="0"/>
                    </a:p>
                  </a:txBody>
                  <a:tcPr/>
                </a:tc>
              </a:tr>
              <a:tr h="428628">
                <a:tc>
                  <a:txBody>
                    <a:bodyPr/>
                    <a:lstStyle/>
                    <a:p>
                      <a:pPr algn="ctr"/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軽視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重視</a:t>
                      </a:r>
                      <a:endParaRPr kumimoji="1" lang="ja-JP" altLang="en-US" dirty="0"/>
                    </a:p>
                  </a:txBody>
                  <a:tcPr/>
                </a:tc>
              </a:tr>
              <a:tr h="642942">
                <a:tc>
                  <a:txBody>
                    <a:bodyPr/>
                    <a:lstStyle/>
                    <a:p>
                      <a:pPr algn="ctr"/>
                      <a:endParaRPr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ja-JP" altLang="en-US" sz="1600" dirty="0" smtClean="0"/>
                        <a:t>重視</a:t>
                      </a:r>
                      <a:endParaRPr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ja-JP" altLang="en-US" sz="3600" dirty="0" smtClean="0"/>
                        <a:t>充実志向</a:t>
                      </a:r>
                      <a:endParaRPr lang="ja-JP" altLang="en-US" sz="3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ja-JP" altLang="en-US" sz="3600" dirty="0" smtClean="0"/>
                        <a:t>訓練志向</a:t>
                      </a:r>
                      <a:endParaRPr lang="ja-JP" altLang="en-US" sz="3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3600" dirty="0" smtClean="0"/>
                        <a:t>実用志向</a:t>
                      </a:r>
                      <a:endParaRPr kumimoji="1" lang="ja-JP" altLang="en-US" sz="3600" dirty="0"/>
                    </a:p>
                  </a:txBody>
                  <a:tcPr/>
                </a:tc>
              </a:tr>
              <a:tr h="1325245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学習内容の重要性</a:t>
                      </a:r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2000" dirty="0" smtClean="0"/>
                        <a:t>学習自体が楽しい</a:t>
                      </a:r>
                      <a:endParaRPr kumimoji="1" lang="ja-JP" altLang="en-US" sz="2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2000" dirty="0" smtClean="0"/>
                        <a:t>知力を鍛えるため</a:t>
                      </a:r>
                      <a:endParaRPr kumimoji="1" lang="ja-JP" altLang="en-US" sz="2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2000" dirty="0" smtClean="0"/>
                        <a:t>仕事や生活に活かす</a:t>
                      </a:r>
                      <a:endParaRPr kumimoji="1" lang="ja-JP" altLang="en-US" sz="2000" dirty="0"/>
                    </a:p>
                  </a:txBody>
                  <a:tcPr/>
                </a:tc>
              </a:tr>
              <a:tr h="651305">
                <a:tc>
                  <a:txBody>
                    <a:bodyPr/>
                    <a:lstStyle/>
                    <a:p>
                      <a:pPr algn="ctr"/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3600" dirty="0" smtClean="0"/>
                        <a:t>関係志向</a:t>
                      </a:r>
                      <a:endParaRPr kumimoji="1" lang="ja-JP" altLang="en-US" sz="3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3600" dirty="0" smtClean="0"/>
                        <a:t>自尊志向</a:t>
                      </a:r>
                      <a:endParaRPr kumimoji="1" lang="ja-JP" altLang="en-US" sz="3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3600" dirty="0" smtClean="0"/>
                        <a:t>報酬志向</a:t>
                      </a:r>
                      <a:endParaRPr kumimoji="1" lang="ja-JP" altLang="en-US" sz="3600" dirty="0"/>
                    </a:p>
                  </a:txBody>
                  <a:tcPr/>
                </a:tc>
              </a:tr>
              <a:tr h="523780">
                <a:tc>
                  <a:txBody>
                    <a:bodyPr/>
                    <a:lstStyle/>
                    <a:p>
                      <a:pPr algn="ctr"/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軽視</a:t>
                      </a:r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2000" dirty="0" smtClean="0"/>
                        <a:t>他者につられて</a:t>
                      </a:r>
                      <a:endParaRPr kumimoji="1" lang="ja-JP" altLang="en-US" sz="2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2000" dirty="0" smtClean="0"/>
                        <a:t>プライドや競争心から</a:t>
                      </a:r>
                      <a:endParaRPr kumimoji="1" lang="ja-JP" altLang="en-US" sz="20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2000" dirty="0" smtClean="0"/>
                        <a:t>報酬を得る手段として</a:t>
                      </a:r>
                      <a:endParaRPr kumimoji="1" lang="ja-JP" altLang="en-US" sz="2000" dirty="0"/>
                    </a:p>
                  </a:txBody>
                  <a:tcPr/>
                </a:tc>
              </a:tr>
            </a:tbl>
          </a:graphicData>
        </a:graphic>
      </p:graphicFrame>
      <p:cxnSp>
        <p:nvCxnSpPr>
          <p:cNvPr id="40" name="直線矢印コネクタ 39"/>
          <p:cNvCxnSpPr/>
          <p:nvPr/>
        </p:nvCxnSpPr>
        <p:spPr>
          <a:xfrm>
            <a:off x="1571604" y="571480"/>
            <a:ext cx="6572296" cy="1588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直線矢印コネクタ 44"/>
          <p:cNvCxnSpPr/>
          <p:nvPr/>
        </p:nvCxnSpPr>
        <p:spPr>
          <a:xfrm rot="5400000">
            <a:off x="-892213" y="2892421"/>
            <a:ext cx="3643338" cy="1588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予想</a:t>
            </a:r>
            <a:endParaRPr kumimoji="1" lang="ja-JP" altLang="en-US" dirty="0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kumimoji="1" lang="ja-JP" altLang="en-US" dirty="0" smtClean="0"/>
              <a:t>学生と教職者では勉強に対する目的が違う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ために志向が異なることは予想される。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学生と教職者を比べて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学生はおもに関係志向・報酬志向が強く、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自尊志向・充実志向は弱いと思われ、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教職者</a:t>
            </a:r>
            <a:r>
              <a:rPr lang="ja-JP" altLang="en-US" dirty="0" smtClean="0"/>
              <a:t>は</a:t>
            </a:r>
            <a:r>
              <a:rPr kumimoji="1" lang="ja-JP" altLang="en-US" dirty="0" smtClean="0"/>
              <a:t>実用志向・</a:t>
            </a:r>
            <a:r>
              <a:rPr lang="ja-JP" altLang="en-US" dirty="0" smtClean="0"/>
              <a:t>充実志向が強く、</a:t>
            </a:r>
            <a:endParaRPr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関係志向・報酬志向が弱いと思われる。</a:t>
            </a:r>
            <a:endParaRPr kumimoji="1" lang="en-US" altLang="ja-JP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214282" y="357166"/>
            <a:ext cx="8229600" cy="1143000"/>
          </a:xfrm>
        </p:spPr>
        <p:txBody>
          <a:bodyPr>
            <a:normAutofit/>
          </a:bodyPr>
          <a:lstStyle/>
          <a:p>
            <a:r>
              <a:rPr kumimoji="1" lang="ja-JP" altLang="en-US" dirty="0" smtClean="0"/>
              <a:t>アンケート内容</a:t>
            </a:r>
            <a:endParaRPr kumimoji="1" lang="ja-JP" altLang="en-US" dirty="0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>
          <a:xfrm>
            <a:off x="357158" y="1714488"/>
            <a:ext cx="8372476" cy="4786346"/>
          </a:xfrm>
        </p:spPr>
        <p:txBody>
          <a:bodyPr>
            <a:normAutofit fontScale="92500" lnSpcReduction="20000"/>
          </a:bodyPr>
          <a:lstStyle/>
          <a:p>
            <a:pPr>
              <a:buNone/>
            </a:pPr>
            <a:r>
              <a:rPr lang="ja-JP" altLang="en-US" sz="2800" dirty="0" smtClean="0"/>
              <a:t>概要　勉強及び研究の目的・動機</a:t>
            </a:r>
            <a:endParaRPr lang="en-US" altLang="ja-JP" sz="2800" dirty="0" smtClean="0"/>
          </a:p>
          <a:p>
            <a:pPr>
              <a:buNone/>
            </a:pPr>
            <a:endParaRPr lang="en-US" altLang="ja-JP" sz="2800" dirty="0" smtClean="0"/>
          </a:p>
          <a:p>
            <a:pPr>
              <a:buNone/>
            </a:pPr>
            <a:r>
              <a:rPr lang="ja-JP" altLang="en-US" sz="2800" dirty="0" smtClean="0"/>
              <a:t>対象　工大と周辺高校の</a:t>
            </a:r>
            <a:r>
              <a:rPr kumimoji="1" lang="ja-JP" altLang="en-US" sz="2800" dirty="0" smtClean="0"/>
              <a:t>学生</a:t>
            </a:r>
            <a:r>
              <a:rPr kumimoji="1" lang="en-US" altLang="ja-JP" sz="2800" dirty="0" smtClean="0">
                <a:latin typeface="+mn-ea"/>
              </a:rPr>
              <a:t>25</a:t>
            </a:r>
            <a:r>
              <a:rPr kumimoji="1" lang="ja-JP" altLang="en-US" sz="2800" dirty="0" smtClean="0"/>
              <a:t>名  </a:t>
            </a:r>
            <a:r>
              <a:rPr kumimoji="1" lang="ja-JP" altLang="en-US" sz="2800" dirty="0" smtClean="0"/>
              <a:t>教職者</a:t>
            </a:r>
            <a:r>
              <a:rPr kumimoji="1" lang="en-US" altLang="ja-JP" sz="2800" dirty="0" smtClean="0">
                <a:latin typeface="+mn-ea"/>
              </a:rPr>
              <a:t>24</a:t>
            </a:r>
            <a:r>
              <a:rPr kumimoji="1" lang="ja-JP" altLang="en-US" sz="2800" dirty="0" smtClean="0"/>
              <a:t>名</a:t>
            </a:r>
            <a:endParaRPr lang="en-US" altLang="ja-JP" sz="2800" dirty="0" smtClean="0"/>
          </a:p>
          <a:p>
            <a:pPr>
              <a:buNone/>
            </a:pPr>
            <a:endParaRPr kumimoji="1" lang="en-US" altLang="ja-JP" sz="2800" dirty="0" smtClean="0"/>
          </a:p>
          <a:p>
            <a:pPr>
              <a:buNone/>
            </a:pPr>
            <a:r>
              <a:rPr kumimoji="1" lang="ja-JP" altLang="en-US" sz="2800" dirty="0" smtClean="0"/>
              <a:t>内容　</a:t>
            </a:r>
            <a:r>
              <a:rPr lang="ja-JP" altLang="en-US" sz="2800" dirty="0" smtClean="0"/>
              <a:t>文献</a:t>
            </a:r>
            <a:r>
              <a:rPr kumimoji="1" lang="ja-JP" altLang="en-US" sz="2800" dirty="0" smtClean="0"/>
              <a:t>に沿った</a:t>
            </a:r>
            <a:r>
              <a:rPr kumimoji="1" lang="en-US" altLang="ja-JP" sz="2800" dirty="0" smtClean="0">
                <a:latin typeface="+mn-ea"/>
              </a:rPr>
              <a:t>6</a:t>
            </a:r>
            <a:r>
              <a:rPr kumimoji="1" lang="ja-JP" altLang="en-US" sz="2800" dirty="0" smtClean="0"/>
              <a:t>種類の志向に基づいた</a:t>
            </a:r>
            <a:r>
              <a:rPr kumimoji="1" lang="en-US" altLang="ja-JP" sz="2800" dirty="0" smtClean="0">
                <a:latin typeface="+mn-ea"/>
              </a:rPr>
              <a:t>36</a:t>
            </a:r>
            <a:r>
              <a:rPr kumimoji="1" lang="ja-JP" altLang="en-US" sz="2800" dirty="0" smtClean="0"/>
              <a:t>項目の質　　</a:t>
            </a:r>
            <a:endParaRPr kumimoji="1" lang="en-US" altLang="ja-JP" sz="2800" dirty="0" smtClean="0"/>
          </a:p>
          <a:p>
            <a:pPr>
              <a:buNone/>
            </a:pPr>
            <a:r>
              <a:rPr lang="ja-JP" altLang="en-US" sz="2800" dirty="0" smtClean="0"/>
              <a:t>　　　</a:t>
            </a:r>
            <a:r>
              <a:rPr kumimoji="1" lang="ja-JP" altLang="en-US" sz="2800" dirty="0" smtClean="0"/>
              <a:t>問</a:t>
            </a:r>
            <a:r>
              <a:rPr kumimoji="1" lang="en-US" altLang="ja-JP" sz="2800" dirty="0" smtClean="0">
                <a:latin typeface="+mn-ea"/>
              </a:rPr>
              <a:t>(</a:t>
            </a:r>
            <a:r>
              <a:rPr kumimoji="1" lang="ja-JP" altLang="en-US" sz="2800" dirty="0" smtClean="0"/>
              <a:t>複数回答</a:t>
            </a:r>
            <a:r>
              <a:rPr kumimoji="1" lang="en-US" altLang="ja-JP" sz="2800" dirty="0" smtClean="0">
                <a:latin typeface="+mn-ea"/>
              </a:rPr>
              <a:t>)</a:t>
            </a:r>
          </a:p>
          <a:p>
            <a:pPr>
              <a:buNone/>
            </a:pPr>
            <a:r>
              <a:rPr kumimoji="1" lang="ja-JP" altLang="en-US" sz="2800" dirty="0" smtClean="0"/>
              <a:t>　　　</a:t>
            </a:r>
            <a:endParaRPr kumimoji="1" lang="en-US" altLang="ja-JP" sz="2800" dirty="0" smtClean="0"/>
          </a:p>
          <a:p>
            <a:pPr>
              <a:buNone/>
            </a:pPr>
            <a:endParaRPr kumimoji="1" lang="en-US" altLang="ja-JP" sz="2800" dirty="0" smtClean="0"/>
          </a:p>
          <a:p>
            <a:pPr>
              <a:buNone/>
            </a:pPr>
            <a:r>
              <a:rPr lang="ja-JP" altLang="en-US" sz="2800" dirty="0" smtClean="0"/>
              <a:t>　　　　例　勉強</a:t>
            </a:r>
            <a:r>
              <a:rPr lang="en-US" altLang="ja-JP" sz="2800" dirty="0" smtClean="0">
                <a:latin typeface="+mn-ea"/>
              </a:rPr>
              <a:t>(</a:t>
            </a:r>
            <a:r>
              <a:rPr lang="ja-JP" altLang="en-US" sz="2800" dirty="0" smtClean="0"/>
              <a:t>研究</a:t>
            </a:r>
            <a:r>
              <a:rPr lang="en-US" altLang="ja-JP" sz="2800" dirty="0" smtClean="0">
                <a:latin typeface="+mn-ea"/>
              </a:rPr>
              <a:t>)</a:t>
            </a:r>
            <a:r>
              <a:rPr lang="ja-JP" altLang="en-US" sz="2800" dirty="0" smtClean="0"/>
              <a:t>しないと充実感がないから</a:t>
            </a:r>
            <a:endParaRPr lang="en-US" altLang="ja-JP" sz="2800" dirty="0" smtClean="0"/>
          </a:p>
          <a:p>
            <a:pPr>
              <a:buNone/>
            </a:pPr>
            <a:r>
              <a:rPr lang="ja-JP" altLang="en-US" sz="2800" dirty="0" smtClean="0"/>
              <a:t>　　　　　　ライバルに負けたくない</a:t>
            </a:r>
            <a:endParaRPr lang="en-US" altLang="ja-JP" sz="2800" dirty="0" smtClean="0"/>
          </a:p>
          <a:p>
            <a:pPr>
              <a:buNone/>
            </a:pPr>
            <a:r>
              <a:rPr lang="ja-JP" altLang="en-US" sz="2800" dirty="0" smtClean="0"/>
              <a:t>　　　　　　学んだ事を</a:t>
            </a:r>
            <a:r>
              <a:rPr lang="en-US" altLang="ja-JP" sz="2800" dirty="0" smtClean="0">
                <a:latin typeface="+mn-ea"/>
              </a:rPr>
              <a:t>(</a:t>
            </a:r>
            <a:r>
              <a:rPr lang="ja-JP" altLang="en-US" sz="2800" dirty="0" smtClean="0"/>
              <a:t>将来</a:t>
            </a:r>
            <a:r>
              <a:rPr lang="en-US" altLang="ja-JP" sz="2800" dirty="0" smtClean="0">
                <a:latin typeface="+mn-ea"/>
              </a:rPr>
              <a:t>)</a:t>
            </a:r>
            <a:r>
              <a:rPr lang="ja-JP" altLang="en-US" sz="2800" dirty="0" smtClean="0"/>
              <a:t>仕事に生かしたいから</a:t>
            </a:r>
            <a:endParaRPr lang="en-US" altLang="ja-JP" sz="2800" dirty="0" smtClean="0"/>
          </a:p>
          <a:p>
            <a:pPr>
              <a:buNone/>
            </a:pPr>
            <a:r>
              <a:rPr kumimoji="1" lang="ja-JP" altLang="en-US" sz="2800" dirty="0" smtClean="0"/>
              <a:t>　　　　　　</a:t>
            </a:r>
            <a:endParaRPr kumimoji="1" lang="ja-JP" altLang="en-US" sz="28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タイトル 3"/>
          <p:cNvSpPr>
            <a:spLocks noGrp="1"/>
          </p:cNvSpPr>
          <p:nvPr>
            <p:ph type="title"/>
          </p:nvPr>
        </p:nvSpPr>
        <p:spPr>
          <a:xfrm>
            <a:off x="1071538" y="5000636"/>
            <a:ext cx="2800312" cy="785834"/>
          </a:xfrm>
        </p:spPr>
        <p:txBody>
          <a:bodyPr>
            <a:normAutofit/>
          </a:bodyPr>
          <a:lstStyle/>
          <a:p>
            <a:r>
              <a:rPr kumimoji="1" lang="ja-JP" altLang="en-US" sz="2400" dirty="0" smtClean="0"/>
              <a:t>教職者の志向</a:t>
            </a:r>
            <a:endParaRPr kumimoji="1" lang="ja-JP" altLang="en-US" sz="2400" dirty="0"/>
          </a:p>
        </p:txBody>
      </p:sp>
      <p:sp>
        <p:nvSpPr>
          <p:cNvPr id="7" name="タイトル 1"/>
          <p:cNvSpPr txBox="1">
            <a:spLocks/>
          </p:cNvSpPr>
          <p:nvPr/>
        </p:nvSpPr>
        <p:spPr>
          <a:xfrm>
            <a:off x="5786446" y="5143512"/>
            <a:ext cx="1857388" cy="571504"/>
          </a:xfrm>
          <a:prstGeom prst="rect">
            <a:avLst/>
          </a:prstGeom>
          <a:effectLst>
            <a:softEdge rad="12700"/>
          </a:effectLst>
        </p:spPr>
        <p:txBody>
          <a:bodyPr vert="horz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1" lang="ja-JP" altLang="en-US" sz="24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2"/>
                </a:solidFill>
                <a:effectLst>
                  <a:glow rad="101600">
                    <a:schemeClr val="bg2">
                      <a:tint val="20000"/>
                      <a:alpha val="60000"/>
                    </a:schemeClr>
                  </a:glow>
                  <a:outerShdw blurRad="50800" dist="50800" dir="2700000" algn="tl" rotWithShape="0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+mj-lt"/>
                <a:ea typeface="+mj-ea"/>
                <a:cs typeface="+mj-cs"/>
              </a:rPr>
              <a:t>学生の志向</a:t>
            </a:r>
            <a:endParaRPr kumimoji="1" lang="ja-JP" altLang="en-US" sz="2400" b="0" i="0" u="none" strike="noStrike" kern="0" cap="none" spc="0" normalizeH="0" baseline="0" noProof="0" dirty="0">
              <a:ln>
                <a:noFill/>
              </a:ln>
              <a:solidFill>
                <a:schemeClr val="tx2"/>
              </a:solidFill>
              <a:effectLst>
                <a:glow rad="101600">
                  <a:schemeClr val="bg2">
                    <a:tint val="20000"/>
                    <a:alpha val="60000"/>
                  </a:schemeClr>
                </a:glow>
                <a:outerShdw blurRad="50800" dist="50800" dir="2700000" algn="tl" rotWithShape="0">
                  <a:srgbClr val="000000">
                    <a:alpha val="43137"/>
                  </a:srgbClr>
                </a:outerShdw>
              </a:effectLst>
              <a:uLnTx/>
              <a:uFillTx/>
              <a:latin typeface="+mj-lt"/>
              <a:ea typeface="+mj-ea"/>
              <a:cs typeface="+mj-cs"/>
            </a:endParaRPr>
          </a:p>
        </p:txBody>
      </p:sp>
      <p:graphicFrame>
        <p:nvGraphicFramePr>
          <p:cNvPr id="8" name="グラフ 7"/>
          <p:cNvGraphicFramePr>
            <a:graphicFrameLocks/>
          </p:cNvGraphicFramePr>
          <p:nvPr/>
        </p:nvGraphicFramePr>
        <p:xfrm>
          <a:off x="0" y="0"/>
          <a:ext cx="5807969" cy="528641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9" name="グラフ 8"/>
          <p:cNvGraphicFramePr>
            <a:graphicFrameLocks/>
          </p:cNvGraphicFramePr>
          <p:nvPr/>
        </p:nvGraphicFramePr>
        <p:xfrm>
          <a:off x="3857620" y="0"/>
          <a:ext cx="5817079" cy="521497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タイトル 4"/>
          <p:cNvSpPr>
            <a:spLocks noGrp="1"/>
          </p:cNvSpPr>
          <p:nvPr>
            <p:ph type="title"/>
          </p:nvPr>
        </p:nvSpPr>
        <p:spPr>
          <a:xfrm>
            <a:off x="142844" y="357166"/>
            <a:ext cx="8801104" cy="928686"/>
          </a:xfrm>
        </p:spPr>
        <p:txBody>
          <a:bodyPr>
            <a:normAutofit fontScale="90000"/>
          </a:bodyPr>
          <a:lstStyle/>
          <a:p>
            <a:r>
              <a:rPr kumimoji="1" lang="ja-JP" altLang="en-US" dirty="0" smtClean="0"/>
              <a:t>学生と教職者のグラフの比較と考察</a:t>
            </a:r>
            <a:endParaRPr kumimoji="1" lang="ja-JP" altLang="en-US" dirty="0"/>
          </a:p>
        </p:txBody>
      </p:sp>
      <p:sp>
        <p:nvSpPr>
          <p:cNvPr id="6" name="コンテンツ プレースホルダ 5"/>
          <p:cNvSpPr>
            <a:spLocks noGrp="1"/>
          </p:cNvSpPr>
          <p:nvPr>
            <p:ph idx="1"/>
          </p:nvPr>
        </p:nvSpPr>
        <p:spPr>
          <a:xfrm>
            <a:off x="428596" y="1714488"/>
            <a:ext cx="8229600" cy="5286412"/>
          </a:xfrm>
        </p:spPr>
        <p:txBody>
          <a:bodyPr>
            <a:normAutofit fontScale="92500" lnSpcReduction="10000"/>
          </a:bodyPr>
          <a:lstStyle/>
          <a:p>
            <a:pPr>
              <a:buNone/>
            </a:pPr>
            <a:r>
              <a:rPr kumimoji="1" lang="ja-JP" altLang="en-US" dirty="0" smtClean="0"/>
              <a:t>学生は教職者と比較すると、学習内容の重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要視していないためグラフの報酬・関係・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自尊志向の割合が大きく特に報酬志向の割</a:t>
            </a:r>
            <a:endParaRPr kumimoji="1" lang="en-US" altLang="ja-JP" dirty="0" smtClean="0"/>
          </a:p>
          <a:p>
            <a:pPr>
              <a:buNone/>
            </a:pPr>
            <a:r>
              <a:rPr kumimoji="1" lang="ja-JP" altLang="en-US" dirty="0" smtClean="0"/>
              <a:t>合が大きくなっている。</a:t>
            </a:r>
            <a:endParaRPr kumimoji="1" lang="en-US" altLang="ja-JP" dirty="0" smtClean="0"/>
          </a:p>
          <a:p>
            <a:pPr>
              <a:buNone/>
            </a:pPr>
            <a:r>
              <a:rPr lang="ja-JP" altLang="en-US" dirty="0" smtClean="0"/>
              <a:t>逆に教職者は報酬志向や関係志向といった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ものが低くなっている。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また報酬・関係・自尊の割合が少ない代</a:t>
            </a:r>
            <a:r>
              <a:rPr lang="ja-JP" altLang="en-US" dirty="0" err="1" smtClean="0"/>
              <a:t>わ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err="1" smtClean="0"/>
              <a:t>りに</a:t>
            </a:r>
            <a:r>
              <a:rPr lang="ja-JP" altLang="en-US" dirty="0" smtClean="0"/>
              <a:t>充実志向の割合が高い。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これは学習自体に意義を感じているかどう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かの要因での差異であると考えられる。</a:t>
            </a:r>
            <a:endParaRPr lang="en-US" altLang="ja-JP" dirty="0" smtClean="0"/>
          </a:p>
          <a:p>
            <a:pPr>
              <a:buNone/>
            </a:pPr>
            <a:endParaRPr kumimoji="1" lang="en-US" altLang="ja-JP" dirty="0" smtClean="0"/>
          </a:p>
          <a:p>
            <a:pPr>
              <a:buNone/>
            </a:pPr>
            <a:endParaRPr lang="en-US" altLang="ja-JP" dirty="0" smtClean="0"/>
          </a:p>
          <a:p>
            <a:pPr>
              <a:buNone/>
            </a:pPr>
            <a:endParaRPr kumimoji="1" lang="ja-JP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タイトル 5"/>
          <p:cNvSpPr>
            <a:spLocks noGrp="1"/>
          </p:cNvSpPr>
          <p:nvPr>
            <p:ph type="title"/>
          </p:nvPr>
        </p:nvSpPr>
        <p:spPr>
          <a:xfrm>
            <a:off x="428596" y="0"/>
            <a:ext cx="8301038" cy="1143000"/>
          </a:xfrm>
        </p:spPr>
        <p:txBody>
          <a:bodyPr>
            <a:normAutofit/>
          </a:bodyPr>
          <a:lstStyle/>
          <a:p>
            <a:r>
              <a:rPr kumimoji="1" lang="ja-JP" altLang="en-US" sz="2400" dirty="0" smtClean="0"/>
              <a:t>学生の学習動機相互の相関関係</a:t>
            </a:r>
            <a:endParaRPr kumimoji="1" lang="ja-JP" altLang="en-US" sz="2400" dirty="0"/>
          </a:p>
        </p:txBody>
      </p:sp>
      <p:sp>
        <p:nvSpPr>
          <p:cNvPr id="7" name="コンテンツ プレースホルダ 6"/>
          <p:cNvSpPr>
            <a:spLocks noGrp="1"/>
          </p:cNvSpPr>
          <p:nvPr>
            <p:ph idx="1"/>
          </p:nvPr>
        </p:nvSpPr>
        <p:spPr>
          <a:xfrm>
            <a:off x="428596" y="5072074"/>
            <a:ext cx="8229600" cy="2301173"/>
          </a:xfrm>
        </p:spPr>
        <p:txBody>
          <a:bodyPr/>
          <a:lstStyle/>
          <a:p>
            <a:pPr>
              <a:buNone/>
            </a:pPr>
            <a:r>
              <a:rPr kumimoji="1" lang="ja-JP" altLang="en-US" dirty="0" smtClean="0"/>
              <a:t>相関が強かった</a:t>
            </a:r>
            <a:r>
              <a:rPr kumimoji="1" lang="ja-JP" altLang="en-US" smtClean="0"/>
              <a:t>物は訓練ー充実</a:t>
            </a:r>
            <a:endParaRPr lang="en-US" altLang="ja-JP" dirty="0" smtClean="0"/>
          </a:p>
          <a:p>
            <a:pPr>
              <a:buNone/>
            </a:pPr>
            <a:r>
              <a:rPr lang="ja-JP" altLang="en-US" dirty="0" smtClean="0"/>
              <a:t>報酬</a:t>
            </a:r>
            <a:r>
              <a:rPr lang="ja-JP" altLang="en-US" dirty="0" err="1" smtClean="0"/>
              <a:t>ー</a:t>
            </a:r>
            <a:r>
              <a:rPr lang="ja-JP" altLang="en-US" dirty="0" smtClean="0"/>
              <a:t>充実でそれぞれ方向性が異なる</a:t>
            </a:r>
            <a:endParaRPr lang="en-US" altLang="ja-JP" dirty="0" smtClean="0"/>
          </a:p>
          <a:p>
            <a:pPr>
              <a:buNone/>
            </a:pPr>
            <a:endParaRPr kumimoji="1" lang="en-US" altLang="ja-JP" dirty="0" smtClean="0"/>
          </a:p>
          <a:p>
            <a:pPr>
              <a:buNone/>
            </a:pPr>
            <a:endParaRPr kumimoji="1" lang="ja-JP" altLang="en-US" dirty="0"/>
          </a:p>
        </p:txBody>
      </p:sp>
      <p:graphicFrame>
        <p:nvGraphicFramePr>
          <p:cNvPr id="8" name="表 7"/>
          <p:cNvGraphicFramePr>
            <a:graphicFrameLocks noGrp="1"/>
          </p:cNvGraphicFramePr>
          <p:nvPr/>
        </p:nvGraphicFramePr>
        <p:xfrm>
          <a:off x="357158" y="928671"/>
          <a:ext cx="8215368" cy="4000528"/>
        </p:xfrm>
        <a:graphic>
          <a:graphicData uri="http://schemas.openxmlformats.org/drawingml/2006/table">
            <a:tbl>
              <a:tblPr/>
              <a:tblGrid>
                <a:gridCol w="1173624"/>
                <a:gridCol w="1173624"/>
                <a:gridCol w="1173624"/>
                <a:gridCol w="1173624"/>
                <a:gridCol w="1173624"/>
                <a:gridCol w="1173624"/>
                <a:gridCol w="1173624"/>
              </a:tblGrid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充実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訓練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実用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関係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自尊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報酬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充実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訓練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FF0000"/>
                          </a:solidFill>
                          <a:latin typeface="ＭＳ Ｐゴシック"/>
                        </a:rPr>
                        <a:t>0.45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実用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0.04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-0.06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関係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0.13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0070C0"/>
                          </a:solidFill>
                          <a:latin typeface="ＭＳ Ｐゴシック"/>
                        </a:rPr>
                        <a:t>0.01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-0.21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自尊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0070C0"/>
                          </a:solidFill>
                          <a:latin typeface="ＭＳ Ｐゴシック"/>
                        </a:rPr>
                        <a:t>-0.02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0.36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-0.06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0.2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　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1504">
                <a:tc>
                  <a:txBody>
                    <a:bodyPr/>
                    <a:lstStyle/>
                    <a:p>
                      <a:pPr algn="ctr" fontAlgn="ctr"/>
                      <a:r>
                        <a:rPr lang="ja-JP" altLang="en-US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報酬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FF0000"/>
                          </a:solidFill>
                          <a:latin typeface="ＭＳ Ｐゴシック"/>
                        </a:rPr>
                        <a:t>-0.46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baseline="0" dirty="0">
                          <a:solidFill>
                            <a:srgbClr val="0070C0"/>
                          </a:solidFill>
                          <a:latin typeface="ＭＳ Ｐゴシック"/>
                        </a:rPr>
                        <a:t>-0.03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>
                          <a:solidFill>
                            <a:srgbClr val="000000"/>
                          </a:solidFill>
                          <a:latin typeface="ＭＳ Ｐゴシック"/>
                        </a:rPr>
                        <a:t>0.13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0.29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0.24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ja-JP" sz="2000" b="0" i="0" u="none" strike="noStrike" dirty="0">
                          <a:solidFill>
                            <a:srgbClr val="000000"/>
                          </a:solidFill>
                          <a:latin typeface="ＭＳ Ｐゴシック"/>
                        </a:rPr>
                        <a:t>1.00 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みやび">
  <a:themeElements>
    <a:clrScheme name="みやび">
      <a:dk1>
        <a:sysClr val="windowText" lastClr="000000"/>
      </a:dk1>
      <a:lt1>
        <a:sysClr val="window" lastClr="FFFFFF"/>
      </a:lt1>
      <a:dk2>
        <a:srgbClr val="975C1E"/>
      </a:dk2>
      <a:lt2>
        <a:srgbClr val="FFE880"/>
      </a:lt2>
      <a:accent1>
        <a:srgbClr val="E3560E"/>
      </a:accent1>
      <a:accent2>
        <a:srgbClr val="5C5943"/>
      </a:accent2>
      <a:accent3>
        <a:srgbClr val="F1AB3B"/>
      </a:accent3>
      <a:accent4>
        <a:srgbClr val="6D8A16"/>
      </a:accent4>
      <a:accent5>
        <a:srgbClr val="73AAC0"/>
      </a:accent5>
      <a:accent6>
        <a:srgbClr val="3E68AF"/>
      </a:accent6>
      <a:hlink>
        <a:srgbClr val="0000FE"/>
      </a:hlink>
      <a:folHlink>
        <a:srgbClr val="800080"/>
      </a:folHlink>
    </a:clrScheme>
    <a:fontScheme name="みやび">
      <a:majorFont>
        <a:latin typeface="Calibri"/>
        <a:ea typeface=""/>
        <a:cs typeface=""/>
        <a:font script="Jpan" typeface="HGｺﾞｼｯｸE"/>
        <a:font script="Hang" typeface="맑은 고딕"/>
        <a:font script="Hans" typeface="宋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Corbel"/>
        <a:ea typeface=""/>
        <a:cs typeface=""/>
        <a:font script="Jpan" typeface="ＭＳ ゴシック"/>
        <a:font script="Hang" typeface="맑은 고딕"/>
        <a:font script="Hans" typeface="黑体"/>
        <a:font script="Hant" typeface="微軟正黑體"/>
        <a:font script="Arab" typeface="Tahoma"/>
        <a:font script="Hebr" typeface="Tahoma"/>
        <a:font script="Thai" typeface="Cordi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inorFont>
    </a:fontScheme>
    <a:fmtScheme name="みやび">
      <a:fillStyleLst>
        <a:solidFill>
          <a:schemeClr val="phClr">
            <a:tint val="100000"/>
          </a:schemeClr>
        </a:solidFill>
        <a:gradFill>
          <a:gsLst>
            <a:gs pos="0">
              <a:schemeClr val="phClr">
                <a:tint val="30000"/>
                <a:satMod val="250000"/>
              </a:schemeClr>
            </a:gs>
            <a:gs pos="72000">
              <a:schemeClr val="phClr">
                <a:tint val="75000"/>
                <a:satMod val="210000"/>
              </a:schemeClr>
            </a:gs>
            <a:gs pos="100000">
              <a:schemeClr val="phClr">
                <a:tint val="85000"/>
                <a:satMod val="210000"/>
              </a:schemeClr>
            </a:gs>
          </a:gsLst>
          <a:lin ang="2700000" scaled="1"/>
        </a:gradFill>
        <a:blipFill>
          <a:blip xmlns:r="http://schemas.openxmlformats.org/officeDocument/2006/relationships" r:embed="rId1">
            <a:duotone>
              <a:srgbClr val="FFFFFF"/>
              <a:schemeClr val="phClr">
                <a:tint val="100000"/>
              </a:schemeClr>
            </a:duotone>
          </a:blip>
          <a:tile tx="0" ty="0" sx="80000" sy="85000" flip="none" algn="tl"/>
        </a:blipFill>
      </a:fillStyleLst>
      <a:lnStyleLst>
        <a:ln w="13175" cap="flat" cmpd="sng" algn="ctr">
          <a:solidFill>
            <a:schemeClr val="phClr">
              <a:alpha val="100000"/>
            </a:schemeClr>
          </a:solidFill>
          <a:prstDash val="solid"/>
        </a:ln>
        <a:ln w="19525" cap="flat" cmpd="sng" algn="ctr">
          <a:solidFill>
            <a:schemeClr val="phClr">
              <a:alpha val="100000"/>
            </a:schemeClr>
          </a:solidFill>
          <a:prstDash val="solid"/>
        </a:ln>
        <a:ln w="26350" cap="flat" cmpd="sng" algn="ctr">
          <a:solidFill>
            <a:schemeClr val="phClr">
              <a:alpha val="100000"/>
            </a:schemeClr>
          </a:solidFill>
          <a:prstDash val="solid"/>
        </a:ln>
      </a:lnStyleLst>
      <a:effectStyleLst>
        <a:effectStyle>
          <a:effectLst>
            <a:outerShdw blurRad="95000">
              <a:srgbClr val="000000">
                <a:alpha val="55000"/>
              </a:srgbClr>
            </a:outerShdw>
          </a:effectLst>
          <a:scene3d>
            <a:camera prst="perspectiveFront" fov="7200000"/>
            <a:lightRig rig="brightRoom" dir="t">
              <a:rot lat="0" lon="0" rev="4800000"/>
            </a:lightRig>
          </a:scene3d>
          <a:sp3d contourW="12700" prstMaterial="powder">
            <a:bevelT h="25400"/>
            <a:bevelB h="25400"/>
            <a:contourClr>
              <a:schemeClr val="phClr">
                <a:shade val="60000"/>
                <a:satMod val="110000"/>
              </a:schemeClr>
            </a:contourClr>
          </a:sp3d>
        </a:effectStyle>
        <a:effectStyle>
          <a:effectLst>
            <a:outerShdw blurRad="254000" dist="50800" dir="2700000" algn="tl">
              <a:srgbClr val="000000">
                <a:alpha val="55000"/>
              </a:srgbClr>
            </a:outerShdw>
          </a:effectLst>
          <a:scene3d>
            <a:camera prst="perspectiveFront" fov="7200000"/>
            <a:lightRig rig="brightRoom" dir="t">
              <a:rot lat="0" lon="0" rev="4800000"/>
            </a:lightRig>
          </a:scene3d>
          <a:sp3d contourW="12700" prstMaterial="powder">
            <a:bevelT h="25400"/>
            <a:bevelB h="25400"/>
            <a:contourClr>
              <a:schemeClr val="phClr">
                <a:shade val="60000"/>
                <a:satMod val="110000"/>
              </a:schemeClr>
            </a:contourClr>
          </a:sp3d>
        </a:effectStyle>
        <a:effectStyle>
          <a:effectLst>
            <a:outerShdw blurRad="254000" dist="50800" dir="2700000" algn="tl">
              <a:srgbClr val="000000">
                <a:alpha val="55000"/>
              </a:srgbClr>
            </a:outerShdw>
          </a:effectLst>
          <a:scene3d>
            <a:camera prst="perspectiveFront" fov="7200000"/>
            <a:lightRig rig="brightRoom" dir="t">
              <a:rot lat="0" lon="0" rev="2700000"/>
            </a:lightRig>
          </a:scene3d>
          <a:sp3d>
            <a:bevelT w="342900" h="38100" prst="softRound"/>
            <a:bevelB w="342900" h="38100" prst="softRound"/>
            <a:contourClr>
              <a:srgbClr val="000000"/>
            </a:contourClr>
          </a:sp3d>
        </a:effectStyle>
      </a:effectStyleLst>
      <a:bgFillStyleLst>
        <a:solidFill>
          <a:schemeClr val="phClr"/>
        </a:solidFill>
        <a:gradFill>
          <a:gsLst>
            <a:gs pos="0">
              <a:schemeClr val="phClr">
                <a:shade val="40000"/>
                <a:satMod val="165000"/>
              </a:schemeClr>
            </a:gs>
            <a:gs pos="50000">
              <a:schemeClr val="phClr">
                <a:tint val="95000"/>
                <a:satMod val="155000"/>
              </a:schemeClr>
            </a:gs>
            <a:gs pos="100000">
              <a:schemeClr val="phClr">
                <a:tint val="47000"/>
                <a:hueMod val="100000"/>
                <a:satMod val="375000"/>
              </a:schemeClr>
            </a:gs>
          </a:gsLst>
          <a:lin ang="5400000" scaled="1"/>
        </a:gradFill>
        <a:blipFill rotWithShape="0">
          <a:blip xmlns:r="http://schemas.openxmlformats.org/officeDocument/2006/relationships" r:embed="rId2">
            <a:duotone>
              <a:schemeClr val="phClr">
                <a:tint val="95000"/>
                <a:shade val="18000"/>
                <a:hueMod val="100000"/>
                <a:satMod val="275000"/>
              </a:schemeClr>
              <a:schemeClr val="phClr">
                <a:tint val="47000"/>
                <a:shade val="100000"/>
                <a:hueMod val="100000"/>
                <a:satMod val="375000"/>
              </a:schemeClr>
            </a:duotone>
          </a:blip>
          <a:srcRect/>
          <a:stretch>
            <a:fillRect/>
          </a:stretch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Grace</Template>
  <TotalTime>499</TotalTime>
  <Words>635</Words>
  <Application>Microsoft Office PowerPoint</Application>
  <PresentationFormat>画面に合わせる (4:3)</PresentationFormat>
  <Paragraphs>212</Paragraphs>
  <Slides>12</Slides>
  <Notes>5</Notes>
  <HiddenSlides>0</HiddenSlides>
  <MMClips>0</MMClips>
  <ScaleCrop>false</ScaleCrop>
  <HeadingPairs>
    <vt:vector size="4" baseType="variant">
      <vt:variant>
        <vt:lpstr>テーマ</vt:lpstr>
      </vt:variant>
      <vt:variant>
        <vt:i4>1</vt:i4>
      </vt:variant>
      <vt:variant>
        <vt:lpstr>スライド タイトル</vt:lpstr>
      </vt:variant>
      <vt:variant>
        <vt:i4>12</vt:i4>
      </vt:variant>
    </vt:vector>
  </HeadingPairs>
  <TitlesOfParts>
    <vt:vector size="13" baseType="lpstr">
      <vt:lpstr>みやび</vt:lpstr>
      <vt:lpstr>学習動機の調査</vt:lpstr>
      <vt:lpstr>このテーマを選んだ動機</vt:lpstr>
      <vt:lpstr>学習動機の２要因モデル</vt:lpstr>
      <vt:lpstr>学習動機の２要因モデル</vt:lpstr>
      <vt:lpstr>予想</vt:lpstr>
      <vt:lpstr>アンケート内容</vt:lpstr>
      <vt:lpstr>教職者の志向</vt:lpstr>
      <vt:lpstr>学生と教職者のグラフの比較と考察</vt:lpstr>
      <vt:lpstr>学生の学習動機相互の相関関係</vt:lpstr>
      <vt:lpstr>教職者の学習動機相互の相関関係</vt:lpstr>
      <vt:lpstr>相関表の考察</vt:lpstr>
      <vt:lpstr>今後の改良点 </vt:lpstr>
    </vt:vector>
  </TitlesOfParts>
  <Company> 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スライド 1</dc:title>
  <dc:creator>fjadmin</dc:creator>
  <cp:lastModifiedBy>fjadmin</cp:lastModifiedBy>
  <cp:revision>66</cp:revision>
  <dcterms:created xsi:type="dcterms:W3CDTF">2009-03-04T05:57:07Z</dcterms:created>
  <dcterms:modified xsi:type="dcterms:W3CDTF">2009-03-05T08:43:07Z</dcterms:modified>
</cp:coreProperties>
</file>